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66925"/>
  <mc:AlternateContent xmlns:mc="http://schemas.openxmlformats.org/markup-compatibility/2006">
    <mc:Choice Requires="x15">
      <x15ac:absPath xmlns:x15ac="http://schemas.microsoft.com/office/spreadsheetml/2010/11/ac" url="Y:\DFE\06-PO ALCOTRA\13 - Gestion financière\999 - Gestion financiere 2127\BD 2021 - 2027\00 - Base de données 2021-2027 -\"/>
    </mc:Choice>
  </mc:AlternateContent>
  <xr:revisionPtr revIDLastSave="0" documentId="13_ncr:1_{B29ECF4D-5191-429F-9DE3-42EC8EE444DA}" xr6:coauthVersionLast="47" xr6:coauthVersionMax="47" xr10:uidLastSave="{00000000-0000-0000-0000-000000000000}"/>
  <bookViews>
    <workbookView xWindow="-110" yWindow="-110" windowWidth="19420" windowHeight="10420" xr2:uid="{4A7FDFFF-8A3F-4334-A785-07A27BB48AE1}"/>
  </bookViews>
  <sheets>
    <sheet name="Liste des opérationsALCOTRA2127" sheetId="1" r:id="rId1"/>
  </sheets>
  <externalReferences>
    <externalReference r:id="rId2"/>
    <externalReference r:id="rId3"/>
  </externalReferences>
  <definedNames>
    <definedName name="_xlnm._FilterDatabase" localSheetId="0" hidden="1">'Liste des opérationsALCOTRA2127'!$A$2:$AC$2</definedName>
    <definedName name="baseprojet">[1]Financier!$C$3:$G$5016</definedName>
    <definedName name="Listenumprojet">[1]form_1!$D$2:$D$250</definedName>
    <definedName name="Listenumprojpart">#REF!</definedName>
    <definedName name="Listestatutpart">#REF!</definedName>
    <definedName name="nature">OFFSET([2]Administratif!H2,,,COUNTA([2]Administratif!H:H)-3)</definedName>
    <definedName name="nomenclature">'[1]#'!$A$2:$F$12</definedName>
    <definedName name="typerapport">'[1]#'!$A$14:$A$16</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301" uniqueCount="187">
  <si>
    <t xml:space="preserve"> Acronyme                                            Acronimo     </t>
  </si>
  <si>
    <t xml:space="preserve">Axe 
Asse </t>
  </si>
  <si>
    <t>OS</t>
  </si>
  <si>
    <t>Début de l'opération 
Inizio dell'operazione</t>
  </si>
  <si>
    <t xml:space="preserve">Fin de l'opération 
Fine dell'operazione </t>
  </si>
  <si>
    <t>Partenaires                                                               Partners</t>
  </si>
  <si>
    <t>Adresse                                           
Indirizzo</t>
  </si>
  <si>
    <t>Ville              Città</t>
  </si>
  <si>
    <t>Code postal             C.A.P</t>
  </si>
  <si>
    <t>Pays      Paese</t>
  </si>
  <si>
    <t>Budget total    
Budget totale</t>
  </si>
  <si>
    <t>Taux de cofinancement FEDER  
Tasso di cofinanziamento FESR</t>
  </si>
  <si>
    <t>Contre-partie    Contropartite</t>
  </si>
  <si>
    <t xml:space="preserve">Résumé de l'opération </t>
  </si>
  <si>
    <t>Sintesi dell'operazione</t>
  </si>
  <si>
    <t>Nb</t>
  </si>
  <si>
    <t xml:space="preserve">Tipologie  Tipologia </t>
  </si>
  <si>
    <t>Plans Piani</t>
  </si>
  <si>
    <t>Apinverno</t>
  </si>
  <si>
    <t>1.4</t>
  </si>
  <si>
    <t>Institut National de Recherche pour l’agriculture, l’alimentation et l’environnement</t>
  </si>
  <si>
    <t>INRAE, 147 rue de l’Université</t>
  </si>
  <si>
    <t>PARIS</t>
  </si>
  <si>
    <t>FRANCE</t>
  </si>
  <si>
    <t>L'objectif d'Apinverno est d'améliorer la compétence des apiculteurs en matière de contrôle du parasite Varroa et la productivité des entreprises apicoles en apportant une réponse technique à la question du traitement hivernal des colonies d'abeilles et l'évaluation globale de leur état sanitaire.  Cette question émerge directement comme conséquence des améliorations mises au point par le projet Innov'api dont il découle.  Les résultats issus d'Apinverno et leur mise en application seront présentés aux apiculteurs lors de plusieurs séminaires, ce qui viendra renforcer les liens entre apiculteur de la zone ALCOTRA (les conditions sanitaires ne nous ont pas permis d'achever la mise en place de séminaire réguliers et perennes lors du programme Innov'Api).</t>
  </si>
  <si>
    <t>L'obiettivo di Apinverno è quello di migliorare la competenza degli apicoltori nel controllo del parassita Varroa e la produttività delle aziende apistiche, fornendo una risposta tecnica alla questione del trattamento invernale delle colonie di api e alla valutazione complessiva del loro stato sanitario.  Questa domanda emerge direttamente come conseguenza dei miglioramenti sviluppati dal progetto Innov'api, da cui deriva.  I risultati di Apinverno e la loro applicazione saranno presentati agli apicoltori nel corso di diversi seminari, che rafforzeranno i legami tra gli apicoltori della zona ALCOTRA (le condizioni sanitarie non hanno permesso di portare a termine l'organizzazione di seminari regolari e permanenti durante il programma Innov'Api).</t>
  </si>
  <si>
    <t>Unione Nazionale Apicoltori Italiani</t>
  </si>
  <si>
    <t>strada Tassarolo 22</t>
  </si>
  <si>
    <t>NOVI LIGURE</t>
  </si>
  <si>
    <t>ITALIE</t>
  </si>
  <si>
    <t>Università degli Studi di Torino</t>
  </si>
  <si>
    <t>Via Verdi 8</t>
  </si>
  <si>
    <t>TORINO</t>
  </si>
  <si>
    <t>Concert-Eaux OPERA</t>
  </si>
  <si>
    <t>2.4</t>
  </si>
  <si>
    <t>Communauté d’Agglomération de la Riviera Française</t>
  </si>
  <si>
    <t>16 rue Villarey</t>
  </si>
  <si>
    <t>MENTON</t>
  </si>
  <si>
    <t>Le projet Concert’Eaux OPERA a pour objectif général d’augmenter la résilience du bassin versant transfrontalier de la Roya et des bassins versants proches en améliorant la connaissance et en expérimentant de nouvelles solutions d’adaptation au changement climatique. Ce objectif général se décline en 4 objectifs spécifiques (voir 2.2)</t>
  </si>
  <si>
    <t>Il progetto Concert’Eaux OPERA ha come obiettivo generale di aumentare la resilienza del bacino idrico transfrontaliero del Roia e dei bacini vicini, migliorandone la conoscenza e sperimentando delle nuove soluzioni di attenuazione e adattamento ai cambiamenti climatici. Questo obiettivo generale si declina in quattro obiettivi specifici (cfr. 2.2?)</t>
  </si>
  <si>
    <t>SMIAGE Maralpin</t>
  </si>
  <si>
    <t>16 avenue Thiers</t>
  </si>
  <si>
    <t>NICE</t>
  </si>
  <si>
    <t>Università degli studi di Genova</t>
  </si>
  <si>
    <t>Via Balbi 5</t>
  </si>
  <si>
    <t>GENOVA</t>
  </si>
  <si>
    <t>Commune de Mendatica</t>
  </si>
  <si>
    <t>Piazza Roma 1</t>
  </si>
  <si>
    <t>MENDATICA</t>
  </si>
  <si>
    <t>Comune di Triora</t>
  </si>
  <si>
    <t>Corso Italia 9</t>
  </si>
  <si>
    <t>TRIORA</t>
  </si>
  <si>
    <t>Centre National de la Recherche Scientifique</t>
  </si>
  <si>
    <t>3 rue Michel Ange</t>
  </si>
  <si>
    <t>Agenzia Regionale per la Protezione dell'Ambiente Ligure</t>
  </si>
  <si>
    <t>Via Bombrini 8</t>
  </si>
  <si>
    <t>MUSIC2</t>
  </si>
  <si>
    <t>2.8</t>
  </si>
  <si>
    <t>Comune di Pinerolo</t>
  </si>
  <si>
    <t>Piazza Vittorio Veneto 1</t>
  </si>
  <si>
    <t>PINEROLO</t>
  </si>
  <si>
    <t>L'objectif du projet est de compléter et de mettre en œuvre les interventions commencées avec MUSIC et visant à favoriser la transition vers des formes de mobilité active respectueuses de la santé et de l'environnement, en déclenchant des processus vertueux. Les initiatives visent à réduire l'utilisation individuelle des véhicules privés en renforçant l'intermodalité et en développant des solutions de mobilité alternatives. Les communautés locales se voient ainsi garantir un niveau élevé d'accès aux équipements urbains et, dans le même temps, la réduction progressive de coûts environnementaux importants (pollution atmosphérique et sonore, encombrement des routes). Cela se reflète dans:   -promouvoir l'utilisation de moyens de transport alternatifs, en intégrant les réseaux cyclables urbains et en fournissant des services de soutien appropriés  -renforcer la gouvernance et planification stratégique de la mobilité urbaine dans une perspective de plus en plus durable et consciente</t>
  </si>
  <si>
    <t>L’obiettivo del progetto è completare ed implementare gli interventi avviati con MUSIC e tesi a favorire la transizione verso forme di mobilità attive e rispettose della salute e dell’ambiente, innescando processi virtuosi. Le iniziative individuate sono tese a ridurre l'utilizzo individuale di veicoli privati, attraverso il rafforzamento dell’intermodalità e lo sviluppo di soluzioni di mobilità alternative rivolte alla cittadinanza. Alle comunità locali sono così garantite un’opportunità elevata di accesso alle dotazioni urbane e, contemporaneamente, la progressiva riduzione dei significativi costi ambientali (inquinamento atmosferico e acustico, congestione stradale). Questo si declina in:   -promuovere l’uso di mezzi alternativi, integrando le reti ciclabili urbane e fornendo gli opportuni servizi di supporto, per stimolare spostamenti pedonali e ciclabili  -rafforzare la governance e la pianificazione strategica della mobilità urbana in un’ottica sempre più sostenibile e consapevole</t>
  </si>
  <si>
    <t>Communauté d'agglomération Gap-Tallard-Durance</t>
  </si>
  <si>
    <t>3 rue du Colonel Roux</t>
  </si>
  <si>
    <t>GAP</t>
  </si>
  <si>
    <t>Respiration Jeunesse</t>
  </si>
  <si>
    <t>4.2</t>
  </si>
  <si>
    <t>Département de la Savoie</t>
  </si>
  <si>
    <t>Place du Château</t>
  </si>
  <si>
    <t>CHAMBERY</t>
  </si>
  <si>
    <t>L’objectif général est d’expérimenter et de construire des réponses aux enjeux transfrontaliers de la jeunesse pour donner un nouveau souffle et des notes d’espoir et d’optimisme en sortie de la crise sanitaire. Le projet vise à améliorer le bien-être des jeunes en les invitant à coconstruire la montagne de demain à travers des parcours de formation transfrontaliers qui leur permettent de devenir des citoyens actifs et leur ouvrir, ainsi, de nouvelles perspectives pour l’intégration dans la société européenne. Pour ce faire, la sensibilisation des jeunes à l’orientation professionnelle en valorisant la connaissance du territoire, les métiers liés à la montagne et les organisations d’évènements sportifs dans une optique transfrontalière est au cœur du projet. Enfin, l’objectif est de créer un réseau permanent et transfrontalier d'instituts scolaires, centres de formation et de structures d’accueil dans une perspective de pérennisation des échanges et d'innovation de l'offre formative.</t>
  </si>
  <si>
    <t>L'obiettivo generale è sperimentare e trovare delle risposte alle problematiche transfrontaliere sulla tematica dei giovani per dare un nuovo impulso e note di speranza e di ottimismo in seguito alla crisi sanitaria. Il progetto mira a migliorare il benessere dei giovani invitandoli a reinventare insieme la montagna di domani attraverso dei percorsi di formazione transfrontalieri che consentano loro di diventare cittadini attivi, dando loro nuove prospettive di inserimento nella società europea. A tal fine, sensibilizzare i giovani all'orientamento professionale, promuovendo la conoscenza del territorio, delle professioni legate alla montagna e dell'organizzazione di eventi sportivi in una prospettiva transfrontaliera, è il cuore del progetto. Infine, l'obiettivo è creare una rete transfrontaliera permanente di istituiti scolastici, centri di formazione e strutture di accoglienza, al fine di perennizzare gli scambi e innovare l'offerta formativa.</t>
  </si>
  <si>
    <t>Fédération des Œuvres Laïques de Haute-Savoie</t>
  </si>
  <si>
    <t>3 avenue de la Plaine</t>
  </si>
  <si>
    <t>ANNECY</t>
  </si>
  <si>
    <t>Fédération des Œuvres Laïques de Savoie</t>
  </si>
  <si>
    <t>Square André Tercinet</t>
  </si>
  <si>
    <t>CHAMBERY CEDEX</t>
  </si>
  <si>
    <t>Région Autonome Vallée d'Aoste</t>
  </si>
  <si>
    <t>Piazza Deffeyes 1</t>
  </si>
  <si>
    <t>AOSTA</t>
  </si>
  <si>
    <t>Fondation Montagne sûre</t>
  </si>
  <si>
    <t>Località Villard de la Palud 1</t>
  </si>
  <si>
    <t>COURMAYEUR</t>
  </si>
  <si>
    <t>E-bike Mont-Blanc</t>
  </si>
  <si>
    <t>4.6</t>
  </si>
  <si>
    <t>Commune de Courmayeur</t>
  </si>
  <si>
    <t>Viale Monte Bianco 40</t>
  </si>
  <si>
    <t>L'objectif général du projet est de créer une offre e-bike transfrontalière complète, accessible à tous ceux qui souhaitent découvrir la région du massif du Mont Blanc, en intégrant, en améliorant et en étendant les itinéraires existants et en surmontant les problèmes actuels de liaison transfrontalière par le tunnel du Mont Blanc. Enfin, l'objectif est d’encourager les pratiquants de la montagne dans les deux destinations phares du Mont-Blanc, Courmayeur et la vallée de Chamonix, à se tourner vers des activités de plein air résilientes et capables de répondre au changement climatique et à la crise du tourisme basé principalement sur le ski et l’alpinisme.</t>
  </si>
  <si>
    <t>L'obiettivo generale del progetto è creare un'offerta e-bike transfrontaliera completa, accessibile a tutti coloro che desiderano scoprire la regione del massiccio del Monte Bianco, integrando, migliorando e ampliando i percorsi esistenti e superando gli attuali problemi di collegamento transfrontaliero attraverso il tunnel del Monte Bianco. Infine, l'obiettivo è incoraggiare gli utenti della montagna nelle due destinazioni chiave del Monte Bianco, Courmayeur e la valle di Chamonix, ad orientarsi verso attività all'aria aperta che siano resilienti e in grado di rispondere ai cambiamenti climatici e alla crisi del turismo basato principalmente su sci e alpinismo.</t>
  </si>
  <si>
    <t>Communauté de Communes de la Vallée de Chamonix Mont-Blanc</t>
  </si>
  <si>
    <t>38 place de l'Eglise</t>
  </si>
  <si>
    <t>CHAMONIX</t>
  </si>
  <si>
    <t>JARDIVAL2</t>
  </si>
  <si>
    <t>Département des Alpes-Maritimes</t>
  </si>
  <si>
    <t>147 boulevard du Mercantour</t>
  </si>
  <si>
    <t>L’objectif général de JARDIVAL2 est de capitaliser l’expérience du projet JARDIVAL déjà financé et d’aller plus loin en termes de coopération, valorisation, promotion, rénovation et réaménagement, innovation, développement durable…afin de positionner la Riviera franco-italienne comme une destination privilégié du tourisme vert lié aux jardins. Il s’agît de partager l’expérience initiée en 2017 et de l’adapter aux besoins actuels afin de faire face aux enjeux économiques et aux défis environnementaux d’un territoire très fréquenté pendant la saison estivale mais peu fréquenté hors saison. L’ambition est de faire de la thématique des jardins et patrimoine naturel un atout touristique et d’activer une coopération forte entre les partenaires du projet pour mutualiser les ressources et tirer des avantages conséquents en termes de notoriété, fréquentation, développement économique, ainsi qu’en termes de différenciation et désaisonnalisation de l’offre touristique d’une zone littorale dense.</t>
  </si>
  <si>
    <t>L'obiettivo generale di JARDIVAL2 è di capitalizzare l'esperienza del progetto JARDIVAL già finanziato, e spingersi oltre in termini di cooperazione, valorizzazione, promozione, riqualificazione, innovazione, sviluppo sostenibile... per dare alla Riviera italo-francese un nuovo posizionamento sul mercato quale destinazione privilegiata per il turismo green legato ai giardini. Si tratta di condividere l'esperienza avviata nel 2017 e adattarla ai bisogni di oggi, per far fronte alle sfide economico-ambientali di una zona ad alta frequentazione in estate, ma poco frequentata fuori stagione. L'intento è trasformare il tema dei giardini e del patrimonio naturale in un asset turistico e attivare una forte cooperazione tra i partner del progetto per condividere le risorse e ricavarne benefici non solo in termini di notorietà, numero di visitatori, sviluppo economico, ma anche di differenziazione e destagionalizzazione dell'offerta turistica di un zona costiera densamente frequentata.</t>
  </si>
  <si>
    <t>Comité Régional du Tourisme Côte d'Azur</t>
  </si>
  <si>
    <t>455 promenade des Anglais</t>
  </si>
  <si>
    <t>Ville de Cannes</t>
  </si>
  <si>
    <t>Place de l'Hôtel de Ville</t>
  </si>
  <si>
    <t>CANNES</t>
  </si>
  <si>
    <t>Comune di Imperia</t>
  </si>
  <si>
    <t>Via Matteotti 157</t>
  </si>
  <si>
    <t>IMPERIA</t>
  </si>
  <si>
    <t>Commune di Costarainera</t>
  </si>
  <si>
    <t>Piazza Vittorio Emanuele II 7</t>
  </si>
  <si>
    <t>COSTARAINERA</t>
  </si>
  <si>
    <t>Comune di Sanremo</t>
  </si>
  <si>
    <t>Corso Cavallotti 59</t>
  </si>
  <si>
    <t>SANREMO</t>
  </si>
  <si>
    <t>Agenzia Regionale per la Promozione Turistica inLiguria</t>
  </si>
  <si>
    <t>Via d'Annunzio 2/78 - 19° piano</t>
  </si>
  <si>
    <t>SENS'ACTION</t>
  </si>
  <si>
    <t>ENTE DI GESTIONE DELLE AREE PROTETTE DEI PARCHI REALI</t>
  </si>
  <si>
    <t>Via Carlo Emanuele II 256</t>
  </si>
  <si>
    <t>VENARIA REALE</t>
  </si>
  <si>
    <t>L'objectif général du projet  SENS'ACTION  est de tester un nouveau produit d'écotourisme transfrontalier inclusif et expérientiel, à partir de la capitalisation des résultats obtenus dans le cadre du projet  Nat.Sens . La pandémie de la C19 et la période de confinement qui s'en est suivie ont mis en évidence le fort besoin d'activités dans la nature  sur la base de l'expérience acquise jusqu'à présent, on envisage d'enrichir l'offre à travers de nouvelles activités et événements récréatifs et éducatifs destinés à des cibles diversifiées, avec une attention particulière aux groupes les plus fragiles. En achevant les parcours de formation et d'échanges, l'objectif est de standardiser l'accueil selon des normes communes, en se basant également sur les nouvelles exigences de sécurité imposées par le contexte post-pandémique. Afin d'identifier le réseau comme un produit unitaire, une communication commune sera planifiée pour augmenter son attractivité, avec un investissement important.</t>
  </si>
  <si>
    <t>L’obiettivo generale del progetto “SENS’ACTION” è sperimentare un nuovo prodotto di ecoturismo esperienziale ed inclusivo transfrontaliero, partendo dalla capitalizzazione dei risultati raggiunti nell’ambito del progetto “Nat.Sens.” La pandemia da C19 e il conseguente periodo di confinamento hanno fatto emergere la forte necessità di attività in natura  sulla base dell’esperienza finora maturata ci si propone di implementare l’offerta attraverso nuove attività ludico-didattiche ed eventi rivolti a target diversificati, con particolare attenzione alle fasce più fragili. Attraverso il completamento dei percorsi l’organizzazione di formazione e scambi si vuole uniformare l’accoglienza secondo standard comuni, anche sulla base delle nuove esigenze di sicurezza imposte dal contesto post pandemia. Per identificare la rete come prodotto unitario sarà programmata una comunicazione congiunta in grado di aumentarne l’attrattività, con un importante investimento.</t>
  </si>
  <si>
    <t>Comune di Cuneo</t>
  </si>
  <si>
    <t>Via Roma 28</t>
  </si>
  <si>
    <t>CUNEO</t>
  </si>
  <si>
    <t>Arnica Progettazione Ambientale s.c.</t>
  </si>
  <si>
    <t>Strada Forni e Goffi 70</t>
  </si>
  <si>
    <t>ESAT Ferme de Chosal</t>
  </si>
  <si>
    <t>32 rue Gustave Eiffel</t>
  </si>
  <si>
    <t>SEYNOD ANNECY</t>
  </si>
  <si>
    <t>PEPA</t>
  </si>
  <si>
    <t>Département des Alpes-de-Haute-Provence</t>
  </si>
  <si>
    <t>13 rue du Docteur Romieu</t>
  </si>
  <si>
    <t>DIGNE-LES-BAINS</t>
  </si>
  <si>
    <t>L’objectif général du projet est de consolider l’attractivité touristique du territoire en adaptant la fréquentation des sites patrimoniaux à un contexte de crises, en valorisant le patrimoine naturel et culturel par le biais de l’analyse scientifique paléo-environnementale.    La donnée paléoenvironnementale appartient à des échelles de temps allant de l'histoire jusqu'aux étages, périodes et ères du ressort de la paléontologie. Elle est constituée d’un ensemble pluridisciplinaire : la paléontologie, la palynologie (Flore, glaciologie..), la sédimentologie, la dendrochronologie (cernes des arbres..), l’archéozoologie (faune)etc .. également marqueur de changements dans la périodicité saisonnière et des changements climatiques.   Le projet PEPA répond principalement au besoin de valoriser des sites historiques comme témoins des évolutions passées et en prenant en compte cette donnée scientifique.</t>
  </si>
  <si>
    <t>L'obiettivo generale del progetto è quello di consolidare l'attrattività turistica del territorio adeguando la frequentazione dei siti patrimoniali a un contesto di crisi, valorizzando il patrimonio naturale e culturale attraverso l'analisi scientifica paleo-ambientale.   Il dato paleoambientale appartiene a scale temporali che vanno dalla storia fino ai piani, periodi ed ere della paleontologia. Essa è costituita da un insieme pluridisciplinare: la paleontologia, la palentologia (Flora, glaciologia..), la sedimentologia, la dendrocronologia (occhiaie degli alberi.), l'archeocozoologia (fauna), ecc.. Anche i cambiamenti stagionali e climatici.   Il progetto PEPA risponde principalmente all'esigenza di valorizzare i siti storici come testimoni delle evoluzioni passate e tenendo conto di questo dato scientifico.</t>
  </si>
  <si>
    <t>Unione dei Comuni del Fossanese</t>
  </si>
  <si>
    <t>Via Garibaldi 90</t>
  </si>
  <si>
    <t>FOSSANO</t>
  </si>
  <si>
    <t>NAT+CULT.2</t>
  </si>
  <si>
    <t>Amélioration de l'attractivité et augmentation du tourisme culturel, durable et inclusif.  1) améliorer l'attractivité des pôles culturels et du territoire dans son ensemble    2) améliorer les conditions de sécurité des parcours et des lieux de visite    3) élargir l'offre touristique et culturelle à un large public    4) offrir des opportunités de désaisonnalisation touristique    5) diffuser une culture de la durabilité et des comportements durables    6) renforcer le réseau de collaboration avec une attention particulière aux niveaux assurés de qualité des services et de réciprocité dans l'assistance aux visiteurs/touristes    7) partager la réalisation d'événements / initiatives communs pour la communication des valeurs du patrimoine culturel / naturaliste   8) améliorer la formation des opérateurs du secteur, en particulier des guides touristiques/naturalistes.  9) surmonter les difficultés de la période résultant de la tempête Alex et de la pandémie.</t>
  </si>
  <si>
    <t>Miglioramento dell'attrattività e incremento del turismo culturale, sostenibile e inclusivo.  1) migliorare l’attrattività dei centri culturali e complessivamente del territorio    2) migliorare le condizioni di sicurezza di percorsi e luoghi di visita   3) ampliare l’offerta turistico-culturale a un pubblico ampio   4) offrire occasioni per la destagionalizzazione turistica   5) diffondere cultura della sostenibilità e comportamenti sostenibili   6) rafforzare la rete di collaborazione con particolare riguardo ai livelli assicurati di qualità dei servizi e alla reciprocità nell’assistenza ai visitatori /turisti   7) condividere la realizzazione di eventi/iniziative comuni per la comunicazione dei valori del patrimonio culturale/naturalistico   8) migliorare la formazione di operatori del settore, con particolare riguardo a guide turistiche/naturalistiche.  9) superare le difficoltà del periodo derivanti dalla tempesta Alex e dalla pandemia.</t>
  </si>
  <si>
    <t>Comune di Ventimiglia</t>
  </si>
  <si>
    <t>Piazza della Libertà 3</t>
  </si>
  <si>
    <t>VENTIMIGLIA</t>
  </si>
  <si>
    <t>Jardin Botanique Exotique de Val Rameh (Museum National d'Histoire Naturelle)</t>
  </si>
  <si>
    <t>Avenue Saint-Jacques</t>
  </si>
  <si>
    <t>NTC - Restart</t>
  </si>
  <si>
    <t>A.T.L. Azienda Turistica Locale del Cuneese</t>
  </si>
  <si>
    <t>Via Carlo Pascal 7</t>
  </si>
  <si>
    <t>L'objectif général du projet est de rebooster la croissance du secteur du tourisme de plein air dans l'espace transfrontalier.  Les partenaires entendent travailler à l'augmentation des flux touristiques dans leur territoire, et ainsi retrouver les niveaux de fréquentation d’avant crise. Ils visent un retour des arrivées et des présences/nuitées de 2019 voire une augmentation dans les années à venir. En agissant sur le secteur du tourisme de plein air et en s’appuyant sur l’offre liée au slow tourisme présent sur le territoire italo-français, ils souhaitent apporter une réponse innovante, intégrée aux nouvelles attentes des clientèles de proximité et internationale.   Ce choix est en lien direct avec l’OS 4.vi du programme Alcotra 21-27, qui démontre les enjeux du tourisme durable, le rôle attractif que jouent les activités de plein air dans la dynamique du système économique des régions transfrontalières concernées et le potentiel de développement qu’elles représentent.</t>
  </si>
  <si>
    <t>L’obiettivo generale del progetto è quello di stimolare la crescita del settore turistico outdoor dell’area transfrontaliera.  I partner intendono lavorare per aumentare i flussi turistici nel proprio territorio, ripristinando così i livelli di frequentazione pre-pandemici. Essi mirano a un ritorno degli arrivi e delle presenze del 2019 e a un ulteriore incremento negli anni a venire. Agendo sul settore del turismo outdoor e affidandosi all'offerta legata al turismo slow presente sul territorio italo-francese, essi intendono fornire una risposta innovativa e integrata con le nuove aspettative della clientela locale e internazionale.  Tale scelta si lega all’OS 4.vi del Programma Alcotra 21-27 che pone in evidenza le sfide del turismo sostenibile, il ruolo attrattivo svolto dalle attività outdoor nelle dinamiche del sistema economico delle regioni transfrontaliere coinvolte, nonché il potenziale di sviluppo che esse rappresentano.</t>
  </si>
  <si>
    <t>Agence de Développement des Alpes de Haute-Provence</t>
  </si>
  <si>
    <t>8 rue Bad Mergentheim</t>
  </si>
  <si>
    <t>DIGNE-LES-BAINS CEDEX</t>
  </si>
  <si>
    <t>Velo-PLUF!</t>
  </si>
  <si>
    <t>Comune di Saluzzo</t>
  </si>
  <si>
    <t>Via Macallé 9</t>
  </si>
  <si>
    <t>SALUZZO</t>
  </si>
  <si>
    <t>L'objectif général du projet est de capitaliser les actions menées dans le cadre des précédents projets VéloViso et Pluf !, en consolidant les résultats obtenus et en donnant une continuité aux actions matérielles et immatérielles initiées, afin de promouvoir l'utilisation durable du territoire et de renforcer sa capacité d'offre touristique intégrée, à l'échelle transfrontalière.</t>
  </si>
  <si>
    <t>L’obiettivo generale del progetto è la capitalizzazione delle azioni realizzate nei precedenti progetti VéloViso e Pluf!, consolidando i risultati che questi hanno ottenuto e dando continuità alle azioni materiali e immateriali che essi hanno avviato, per favorire la fruizione sostenibile del territorio e per rafforzarne la capacità di offerta turistica integrata, su scala transfrontaliera.</t>
  </si>
  <si>
    <t>Communauté de communes Serre-Ponçon</t>
  </si>
  <si>
    <t>6 impasse de l’Observatoire</t>
  </si>
  <si>
    <t>EMBRUN</t>
  </si>
  <si>
    <t>Communauté de communes du Guillestrois et du Queyras</t>
  </si>
  <si>
    <t>Passage des écoles</t>
  </si>
  <si>
    <t>GUILLESTRE</t>
  </si>
  <si>
    <t>Unione Montana Valle Varaita</t>
  </si>
  <si>
    <t>Piazza Marconi 5</t>
  </si>
  <si>
    <t>FRASSINO</t>
  </si>
  <si>
    <t>Unione Montana Valle Maira</t>
  </si>
  <si>
    <t>Via Torretta 9</t>
  </si>
  <si>
    <t>SAN DAMIANO MACRA</t>
  </si>
  <si>
    <t>Unione Montana Valle Grana</t>
  </si>
  <si>
    <t>Via Roma 44</t>
  </si>
  <si>
    <t>VALGRANA</t>
  </si>
  <si>
    <t>Unione Montana Valle Stura</t>
  </si>
  <si>
    <t>Via Divisione cuneense 5</t>
  </si>
  <si>
    <t>DEMONTE</t>
  </si>
  <si>
    <t>Unione Montana dei Comuni del Monviso</t>
  </si>
  <si>
    <t>Via Santa Croce 4</t>
  </si>
  <si>
    <t>PAESANA</t>
  </si>
  <si>
    <t>Unione Montana Barge-Bagnolo Piemonte</t>
  </si>
  <si>
    <t>Piazza Garibaldi n.11</t>
  </si>
  <si>
    <t>BARGE</t>
  </si>
  <si>
    <t>Office de Tourisme du Guillestrois et du Queyras</t>
  </si>
  <si>
    <t>Maison du Tourisme</t>
  </si>
  <si>
    <t>CHATEAU-VILLE-VIEILL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3" formatCode="_-* #,##0.00_-;\-* #,##0.00_-;_-* &quot;-&quot;??_-;_-@_-"/>
    <numFmt numFmtId="164" formatCode="_-* #,##0_-;\-* #,##0_-;_-* &quot;-&quot;??_-;_-@_-"/>
  </numFmts>
  <fonts count="5" x14ac:knownFonts="1">
    <font>
      <sz val="11"/>
      <color theme="1"/>
      <name val="Calibri"/>
      <family val="2"/>
      <scheme val="minor"/>
    </font>
    <font>
      <sz val="11"/>
      <color theme="1"/>
      <name val="Calibri"/>
      <family val="2"/>
      <scheme val="minor"/>
    </font>
    <font>
      <b/>
      <sz val="11"/>
      <color theme="1"/>
      <name val="Calibri"/>
      <family val="2"/>
      <scheme val="minor"/>
    </font>
    <font>
      <b/>
      <sz val="11"/>
      <color theme="1"/>
      <name val="Calibri Light"/>
      <family val="2"/>
      <scheme val="major"/>
    </font>
    <font>
      <sz val="8"/>
      <color theme="1"/>
      <name val="Calibri"/>
      <family val="2"/>
      <scheme val="minor"/>
    </font>
  </fonts>
  <fills count="3">
    <fill>
      <patternFill patternType="none"/>
    </fill>
    <fill>
      <patternFill patternType="gray125"/>
    </fill>
    <fill>
      <patternFill patternType="solid">
        <fgColor theme="0"/>
        <bgColor indexed="64"/>
      </patternFill>
    </fill>
  </fills>
  <borders count="5">
    <border>
      <left/>
      <right/>
      <top/>
      <bottom/>
      <diagonal/>
    </border>
    <border>
      <left style="thin">
        <color indexed="64"/>
      </left>
      <right style="thin">
        <color indexed="64"/>
      </right>
      <top style="medium">
        <color indexed="64"/>
      </top>
      <bottom/>
      <diagonal/>
    </border>
    <border>
      <left/>
      <right/>
      <top style="thin">
        <color indexed="64"/>
      </top>
      <bottom/>
      <diagonal/>
    </border>
    <border>
      <left/>
      <right/>
      <top/>
      <bottom style="thin">
        <color indexed="64"/>
      </bottom>
      <diagonal/>
    </border>
    <border>
      <left style="thin">
        <color indexed="64"/>
      </left>
      <right/>
      <top style="medium">
        <color indexed="64"/>
      </top>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29">
    <xf numFmtId="0" fontId="0" fillId="0" borderId="0" xfId="0"/>
    <xf numFmtId="0" fontId="2" fillId="0" borderId="1" xfId="0" applyFont="1" applyBorder="1" applyAlignment="1">
      <alignment horizontal="center" vertical="top" wrapText="1"/>
    </xf>
    <xf numFmtId="0" fontId="2" fillId="2" borderId="1" xfId="0" applyFont="1" applyFill="1" applyBorder="1" applyAlignment="1">
      <alignment horizontal="center" vertical="top" wrapText="1"/>
    </xf>
    <xf numFmtId="0" fontId="3" fillId="2" borderId="1" xfId="0" applyFont="1" applyFill="1" applyBorder="1" applyAlignment="1">
      <alignment horizontal="center" vertical="top" wrapText="1"/>
    </xf>
    <xf numFmtId="0" fontId="2" fillId="0" borderId="0" xfId="0" applyFont="1" applyAlignment="1">
      <alignment horizontal="center" vertical="top" wrapText="1"/>
    </xf>
    <xf numFmtId="0" fontId="2" fillId="0" borderId="0" xfId="0" applyFont="1" applyAlignment="1">
      <alignment vertical="top"/>
    </xf>
    <xf numFmtId="0" fontId="0" fillId="0" borderId="2" xfId="0" applyBorder="1"/>
    <xf numFmtId="14" fontId="0" fillId="0" borderId="2" xfId="0" applyNumberFormat="1" applyBorder="1"/>
    <xf numFmtId="14" fontId="0" fillId="0" borderId="0" xfId="0" applyNumberFormat="1"/>
    <xf numFmtId="0" fontId="0" fillId="0" borderId="3" xfId="0" applyBorder="1"/>
    <xf numFmtId="14" fontId="0" fillId="0" borderId="3" xfId="0" applyNumberFormat="1" applyBorder="1"/>
    <xf numFmtId="0" fontId="2" fillId="0" borderId="4" xfId="0" applyFont="1" applyBorder="1" applyAlignment="1">
      <alignment horizontal="center" vertical="top" wrapText="1"/>
    </xf>
    <xf numFmtId="0" fontId="2" fillId="0" borderId="0" xfId="0" applyFont="1" applyBorder="1" applyAlignment="1">
      <alignment horizontal="center" vertical="top" wrapText="1"/>
    </xf>
    <xf numFmtId="4" fontId="4" fillId="0" borderId="0" xfId="0" applyNumberFormat="1" applyFont="1" applyAlignment="1">
      <alignment horizontal="left" vertical="top" wrapText="1"/>
    </xf>
    <xf numFmtId="0" fontId="4" fillId="0" borderId="0" xfId="0" applyFont="1" applyAlignment="1">
      <alignment horizontal="left" vertical="top" wrapText="1"/>
    </xf>
    <xf numFmtId="164" fontId="0" fillId="0" borderId="0" xfId="1" applyNumberFormat="1" applyFont="1" applyBorder="1" applyAlignment="1">
      <alignment horizontal="left" vertical="center"/>
    </xf>
    <xf numFmtId="164" fontId="0" fillId="0" borderId="3" xfId="1" applyNumberFormat="1" applyFont="1" applyBorder="1" applyAlignment="1">
      <alignment horizontal="left" vertical="center"/>
    </xf>
    <xf numFmtId="4" fontId="0" fillId="0" borderId="0" xfId="0" applyNumberFormat="1" applyAlignment="1">
      <alignment horizontal="left" vertical="center"/>
    </xf>
    <xf numFmtId="0" fontId="0" fillId="0" borderId="0" xfId="0" applyAlignment="1">
      <alignment horizontal="left" vertical="center"/>
    </xf>
    <xf numFmtId="0" fontId="0" fillId="0" borderId="3" xfId="0" applyBorder="1" applyAlignment="1">
      <alignment horizontal="left" vertical="center"/>
    </xf>
    <xf numFmtId="9" fontId="0" fillId="0" borderId="0" xfId="2" applyFont="1" applyBorder="1" applyAlignment="1">
      <alignment horizontal="center" vertical="center"/>
    </xf>
    <xf numFmtId="9" fontId="0" fillId="0" borderId="3" xfId="2" applyFont="1" applyBorder="1" applyAlignment="1">
      <alignment horizontal="center" vertical="center"/>
    </xf>
    <xf numFmtId="0" fontId="4" fillId="0" borderId="3" xfId="0" applyFont="1" applyBorder="1" applyAlignment="1">
      <alignment horizontal="left" vertical="top" wrapText="1"/>
    </xf>
    <xf numFmtId="164" fontId="0" fillId="0" borderId="2" xfId="1" applyNumberFormat="1" applyFont="1" applyBorder="1" applyAlignment="1">
      <alignment horizontal="left" vertical="center"/>
    </xf>
    <xf numFmtId="4" fontId="0" fillId="0" borderId="2" xfId="0" applyNumberFormat="1" applyBorder="1" applyAlignment="1">
      <alignment horizontal="left" vertical="center"/>
    </xf>
    <xf numFmtId="9" fontId="0" fillId="0" borderId="2" xfId="2" applyFont="1" applyBorder="1" applyAlignment="1">
      <alignment horizontal="center" vertical="center"/>
    </xf>
    <xf numFmtId="4" fontId="4" fillId="0" borderId="2" xfId="0" applyNumberFormat="1" applyFont="1" applyBorder="1" applyAlignment="1">
      <alignment horizontal="left" vertical="top" wrapText="1"/>
    </xf>
    <xf numFmtId="4" fontId="4" fillId="0" borderId="0" xfId="0" applyNumberFormat="1" applyFont="1" applyBorder="1" applyAlignment="1">
      <alignment horizontal="left" vertical="top" wrapText="1"/>
    </xf>
    <xf numFmtId="0" fontId="0" fillId="0" borderId="0" xfId="0" applyAlignment="1">
      <alignment horizontal="center"/>
    </xf>
  </cellXfs>
  <cellStyles count="3">
    <cellStyle name="Milliers" xfId="1" builtinId="3"/>
    <cellStyle name="Normal" xfId="0" builtinId="0"/>
    <cellStyle name="Pourcentage"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9</xdr:col>
      <xdr:colOff>317500</xdr:colOff>
      <xdr:row>0</xdr:row>
      <xdr:rowOff>0</xdr:rowOff>
    </xdr:from>
    <xdr:to>
      <xdr:col>11</xdr:col>
      <xdr:colOff>492125</xdr:colOff>
      <xdr:row>1</xdr:row>
      <xdr:rowOff>174400</xdr:rowOff>
    </xdr:to>
    <xdr:pic>
      <xdr:nvPicPr>
        <xdr:cNvPr id="3" name="Image 2">
          <a:extLst>
            <a:ext uri="{FF2B5EF4-FFF2-40B4-BE49-F238E27FC236}">
              <a16:creationId xmlns:a16="http://schemas.microsoft.com/office/drawing/2014/main" id="{B96BED60-E566-30A3-29ED-ECC86A41867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8905875" y="0"/>
          <a:ext cx="4111625" cy="1238025"/>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DFE/06-PO%20ALCOTRA/13%20-%20Gestion%20financi&#232;re/00%20-%20Base%20de%20donn&#233;es%202014-2020%20-/10%20-%20Projets.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43036\Desktop\20%20-%20Partenaires.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NOTICE -"/>
      <sheetName val="Administratif"/>
      <sheetName val="Financier"/>
      <sheetName val="Dernier Comité de suivi"/>
      <sheetName val="TCD_CE Tb1"/>
      <sheetName val="TCD_Reporting CE Tb2"/>
      <sheetName val="Certif AG"/>
      <sheetName val="TCD_AAP"/>
      <sheetName val="TCD_F I"/>
      <sheetName val="TCD_AnProg"/>
      <sheetName val="form_1"/>
      <sheetName val="form_2"/>
      <sheetName val="finance_1"/>
      <sheetName val="finance_6"/>
      <sheetName val="finance_4"/>
      <sheetName val="form_irregularites_controles"/>
      <sheetName val="#"/>
    </sheetNames>
    <sheetDataSet>
      <sheetData sheetId="0"/>
      <sheetData sheetId="1"/>
      <sheetData sheetId="2">
        <row r="3">
          <cell r="C3" t="str">
            <v>N° Proj
Synergie</v>
          </cell>
          <cell r="D3" t="str">
            <v>Vers.</v>
          </cell>
          <cell r="E3" t="str">
            <v>OS</v>
          </cell>
          <cell r="F3" t="str">
            <v>Instructeur</v>
          </cell>
          <cell r="G3" t="str">
            <v>Appel à projets</v>
          </cell>
        </row>
        <row r="4">
          <cell r="C4">
            <v>342</v>
          </cell>
          <cell r="D4">
            <v>11</v>
          </cell>
          <cell r="E4" t="str">
            <v>2.2</v>
          </cell>
          <cell r="F4" t="e">
            <v>#N/A</v>
          </cell>
          <cell r="G4" t="str">
            <v>1er appel à projets</v>
          </cell>
        </row>
        <row r="5">
          <cell r="C5">
            <v>345</v>
          </cell>
          <cell r="D5">
            <v>6</v>
          </cell>
          <cell r="E5" t="str">
            <v>3.1</v>
          </cell>
          <cell r="F5" t="e">
            <v>#N/A</v>
          </cell>
          <cell r="G5" t="str">
            <v>1er appel à projets</v>
          </cell>
        </row>
        <row r="6">
          <cell r="C6">
            <v>359</v>
          </cell>
          <cell r="D6">
            <v>3</v>
          </cell>
          <cell r="E6" t="str">
            <v>3.1</v>
          </cell>
          <cell r="F6" t="e">
            <v>#N/A</v>
          </cell>
          <cell r="G6" t="str">
            <v>1er appel à projets</v>
          </cell>
        </row>
        <row r="7">
          <cell r="C7">
            <v>361</v>
          </cell>
          <cell r="D7">
            <v>1</v>
          </cell>
          <cell r="E7" t="str">
            <v>2.2</v>
          </cell>
          <cell r="G7" t="str">
            <v>1er appel à projets</v>
          </cell>
        </row>
        <row r="8">
          <cell r="C8">
            <v>362</v>
          </cell>
          <cell r="D8">
            <v>4</v>
          </cell>
          <cell r="E8" t="str">
            <v>3.1</v>
          </cell>
          <cell r="F8" t="e">
            <v>#N/A</v>
          </cell>
          <cell r="G8" t="str">
            <v>1er appel à projets</v>
          </cell>
        </row>
        <row r="9">
          <cell r="C9">
            <v>368</v>
          </cell>
          <cell r="D9">
            <v>7</v>
          </cell>
          <cell r="E9" t="str">
            <v>3.1</v>
          </cell>
          <cell r="F9" t="e">
            <v>#N/A</v>
          </cell>
          <cell r="G9" t="str">
            <v>1er appel à projets</v>
          </cell>
        </row>
        <row r="10">
          <cell r="C10">
            <v>369</v>
          </cell>
          <cell r="D10">
            <v>3</v>
          </cell>
          <cell r="E10" t="str">
            <v>3.1</v>
          </cell>
          <cell r="F10" t="e">
            <v>#N/A</v>
          </cell>
          <cell r="G10" t="str">
            <v>1er appel à projets</v>
          </cell>
        </row>
        <row r="11">
          <cell r="C11">
            <v>373</v>
          </cell>
          <cell r="D11">
            <v>5</v>
          </cell>
          <cell r="E11" t="str">
            <v>3.1</v>
          </cell>
          <cell r="F11" t="e">
            <v>#N/A</v>
          </cell>
          <cell r="G11" t="str">
            <v>1er appel à projets</v>
          </cell>
        </row>
        <row r="12">
          <cell r="C12">
            <v>375</v>
          </cell>
          <cell r="D12">
            <v>3</v>
          </cell>
          <cell r="E12" t="str">
            <v>4.1</v>
          </cell>
          <cell r="G12" t="str">
            <v>1er appel à projets</v>
          </cell>
        </row>
        <row r="13">
          <cell r="C13">
            <v>376</v>
          </cell>
          <cell r="D13">
            <v>3</v>
          </cell>
          <cell r="E13" t="str">
            <v>3.1</v>
          </cell>
          <cell r="F13" t="e">
            <v>#N/A</v>
          </cell>
          <cell r="G13" t="str">
            <v>1er appel à projets</v>
          </cell>
        </row>
        <row r="14">
          <cell r="C14">
            <v>378</v>
          </cell>
          <cell r="D14">
            <v>3</v>
          </cell>
          <cell r="E14" t="str">
            <v>3.1</v>
          </cell>
          <cell r="F14" t="e">
            <v>#N/A</v>
          </cell>
          <cell r="G14" t="str">
            <v>1er appel à projets</v>
          </cell>
        </row>
        <row r="15">
          <cell r="C15">
            <v>385</v>
          </cell>
          <cell r="D15">
            <v>1</v>
          </cell>
          <cell r="E15" t="str">
            <v>4.1</v>
          </cell>
          <cell r="G15" t="str">
            <v>1er appel à projets</v>
          </cell>
        </row>
        <row r="16">
          <cell r="C16">
            <v>405</v>
          </cell>
          <cell r="D16">
            <v>1</v>
          </cell>
          <cell r="E16" t="str">
            <v>4.1</v>
          </cell>
          <cell r="G16" t="str">
            <v>1er appel à projets</v>
          </cell>
        </row>
        <row r="17">
          <cell r="C17">
            <v>407</v>
          </cell>
          <cell r="D17">
            <v>1</v>
          </cell>
          <cell r="E17" t="str">
            <v>3.1</v>
          </cell>
          <cell r="G17" t="str">
            <v>1er appel à projets</v>
          </cell>
        </row>
        <row r="18">
          <cell r="C18">
            <v>411</v>
          </cell>
          <cell r="D18">
            <v>5</v>
          </cell>
          <cell r="E18" t="str">
            <v>3.1</v>
          </cell>
          <cell r="F18" t="e">
            <v>#N/A</v>
          </cell>
          <cell r="G18" t="str">
            <v>1er appel à projets</v>
          </cell>
        </row>
        <row r="19">
          <cell r="C19">
            <v>427</v>
          </cell>
          <cell r="D19">
            <v>3</v>
          </cell>
          <cell r="E19" t="str">
            <v>3.1</v>
          </cell>
          <cell r="F19" t="e">
            <v>#N/A</v>
          </cell>
          <cell r="G19" t="str">
            <v>1er appel à projets</v>
          </cell>
        </row>
        <row r="20">
          <cell r="C20">
            <v>456</v>
          </cell>
          <cell r="D20">
            <v>6</v>
          </cell>
          <cell r="E20" t="str">
            <v>2.2</v>
          </cell>
          <cell r="F20" t="e">
            <v>#N/A</v>
          </cell>
          <cell r="G20" t="str">
            <v>1er appel à projets</v>
          </cell>
        </row>
        <row r="21">
          <cell r="C21">
            <v>467</v>
          </cell>
          <cell r="D21">
            <v>1</v>
          </cell>
          <cell r="E21" t="str">
            <v>3.1</v>
          </cell>
          <cell r="G21" t="str">
            <v>1er appel à projets</v>
          </cell>
        </row>
        <row r="22">
          <cell r="C22">
            <v>477</v>
          </cell>
          <cell r="D22">
            <v>9</v>
          </cell>
          <cell r="E22" t="str">
            <v>2.2</v>
          </cell>
          <cell r="F22" t="e">
            <v>#N/A</v>
          </cell>
          <cell r="G22" t="str">
            <v>1er appel à projets</v>
          </cell>
        </row>
        <row r="23">
          <cell r="C23">
            <v>481</v>
          </cell>
          <cell r="D23">
            <v>4</v>
          </cell>
          <cell r="E23" t="str">
            <v>4.1</v>
          </cell>
          <cell r="F23" t="e">
            <v>#N/A</v>
          </cell>
          <cell r="G23" t="str">
            <v>1er appel à projets</v>
          </cell>
        </row>
        <row r="24">
          <cell r="C24">
            <v>492</v>
          </cell>
          <cell r="D24">
            <v>5</v>
          </cell>
          <cell r="E24" t="str">
            <v>4.1</v>
          </cell>
          <cell r="F24" t="e">
            <v>#N/A</v>
          </cell>
          <cell r="G24" t="str">
            <v>1er appel à projets</v>
          </cell>
        </row>
        <row r="25">
          <cell r="C25">
            <v>493</v>
          </cell>
          <cell r="D25">
            <v>3</v>
          </cell>
          <cell r="E25" t="str">
            <v>3.1</v>
          </cell>
          <cell r="F25" t="e">
            <v>#N/A</v>
          </cell>
          <cell r="G25" t="str">
            <v>1er appel à projets</v>
          </cell>
        </row>
        <row r="26">
          <cell r="C26">
            <v>498</v>
          </cell>
          <cell r="D26">
            <v>4</v>
          </cell>
          <cell r="E26" t="str">
            <v>3.1</v>
          </cell>
          <cell r="F26" t="e">
            <v>#N/A</v>
          </cell>
          <cell r="G26" t="str">
            <v>1er appel à projets</v>
          </cell>
        </row>
        <row r="27">
          <cell r="C27">
            <v>517</v>
          </cell>
          <cell r="D27">
            <v>7</v>
          </cell>
          <cell r="E27" t="str">
            <v>2.2</v>
          </cell>
          <cell r="F27" t="e">
            <v>#N/A</v>
          </cell>
          <cell r="G27" t="str">
            <v>1er appel à projets</v>
          </cell>
        </row>
        <row r="28">
          <cell r="C28">
            <v>1135</v>
          </cell>
          <cell r="D28">
            <v>1</v>
          </cell>
          <cell r="E28" t="str">
            <v>3.1</v>
          </cell>
          <cell r="G28" t="str">
            <v>2ème appel à projets</v>
          </cell>
        </row>
        <row r="29">
          <cell r="C29">
            <v>1139</v>
          </cell>
          <cell r="D29">
            <v>10</v>
          </cell>
          <cell r="E29" t="str">
            <v>1.1</v>
          </cell>
          <cell r="F29" t="str">
            <v>Francesco</v>
          </cell>
          <cell r="G29" t="str">
            <v>2ème appel à projets</v>
          </cell>
        </row>
        <row r="30">
          <cell r="C30">
            <v>1198</v>
          </cell>
          <cell r="D30">
            <v>8</v>
          </cell>
          <cell r="E30" t="str">
            <v>1.1</v>
          </cell>
          <cell r="F30" t="str">
            <v>Cecilia</v>
          </cell>
          <cell r="G30" t="str">
            <v>2ème appel à projets</v>
          </cell>
        </row>
        <row r="31">
          <cell r="C31">
            <v>1316</v>
          </cell>
          <cell r="D31">
            <v>7</v>
          </cell>
          <cell r="E31" t="str">
            <v>2.1</v>
          </cell>
          <cell r="F31" t="str">
            <v>Maya</v>
          </cell>
          <cell r="G31" t="str">
            <v>2ème appel à projets</v>
          </cell>
        </row>
        <row r="32">
          <cell r="C32">
            <v>1319</v>
          </cell>
          <cell r="D32">
            <v>11</v>
          </cell>
          <cell r="E32" t="str">
            <v>3.2</v>
          </cell>
          <cell r="F32" t="str">
            <v>Giuliana</v>
          </cell>
          <cell r="G32" t="str">
            <v>2ème appel à projets</v>
          </cell>
        </row>
        <row r="33">
          <cell r="C33">
            <v>1348</v>
          </cell>
          <cell r="D33">
            <v>1</v>
          </cell>
          <cell r="E33" t="str">
            <v>1.1</v>
          </cell>
          <cell r="G33" t="str">
            <v>2ème appel à projets</v>
          </cell>
        </row>
        <row r="34">
          <cell r="C34">
            <v>1363</v>
          </cell>
          <cell r="D34">
            <v>2</v>
          </cell>
          <cell r="E34" t="str">
            <v>4.1</v>
          </cell>
          <cell r="G34" t="str">
            <v>2ème appel à projets</v>
          </cell>
        </row>
        <row r="35">
          <cell r="C35">
            <v>1385</v>
          </cell>
          <cell r="D35">
            <v>10</v>
          </cell>
          <cell r="E35" t="str">
            <v>1.2</v>
          </cell>
          <cell r="F35" t="str">
            <v>Giuliana</v>
          </cell>
          <cell r="G35" t="str">
            <v>2ème appel à projets</v>
          </cell>
        </row>
        <row r="36">
          <cell r="C36">
            <v>1482</v>
          </cell>
          <cell r="D36">
            <v>1</v>
          </cell>
          <cell r="E36" t="str">
            <v>2.2</v>
          </cell>
          <cell r="G36" t="str">
            <v>2ème appel à projets</v>
          </cell>
        </row>
        <row r="37">
          <cell r="C37">
            <v>1501</v>
          </cell>
          <cell r="D37">
            <v>9</v>
          </cell>
          <cell r="E37" t="str">
            <v>3.1</v>
          </cell>
          <cell r="F37" t="str">
            <v>Francesco</v>
          </cell>
          <cell r="G37" t="str">
            <v>2ème appel à projets</v>
          </cell>
        </row>
        <row r="38">
          <cell r="C38">
            <v>1505</v>
          </cell>
          <cell r="D38">
            <v>1</v>
          </cell>
          <cell r="E38" t="str">
            <v>1.1</v>
          </cell>
          <cell r="G38" t="str">
            <v>2ème appel à projets</v>
          </cell>
        </row>
        <row r="39">
          <cell r="C39">
            <v>1510</v>
          </cell>
          <cell r="D39">
            <v>10</v>
          </cell>
          <cell r="E39" t="str">
            <v>2.2</v>
          </cell>
          <cell r="F39" t="str">
            <v>Giuliana</v>
          </cell>
          <cell r="G39" t="str">
            <v>2ème appel à projets</v>
          </cell>
        </row>
        <row r="40">
          <cell r="C40">
            <v>1520</v>
          </cell>
          <cell r="D40">
            <v>3</v>
          </cell>
          <cell r="E40" t="str">
            <v>1.1</v>
          </cell>
          <cell r="F40" t="str">
            <v>Mirella</v>
          </cell>
          <cell r="G40" t="str">
            <v>2ème appel à projets</v>
          </cell>
        </row>
        <row r="41">
          <cell r="C41">
            <v>1535</v>
          </cell>
          <cell r="D41">
            <v>6</v>
          </cell>
          <cell r="E41" t="str">
            <v>3.1</v>
          </cell>
          <cell r="F41" t="str">
            <v>Francesco</v>
          </cell>
          <cell r="G41" t="str">
            <v>2ème appel à projets</v>
          </cell>
        </row>
        <row r="42">
          <cell r="C42">
            <v>1540</v>
          </cell>
          <cell r="D42">
            <v>7</v>
          </cell>
          <cell r="E42" t="str">
            <v>3.1</v>
          </cell>
          <cell r="F42" t="str">
            <v>Francesco</v>
          </cell>
          <cell r="G42" t="str">
            <v>2ème appel à projets</v>
          </cell>
        </row>
        <row r="43">
          <cell r="C43">
            <v>1562</v>
          </cell>
          <cell r="D43">
            <v>2</v>
          </cell>
          <cell r="E43" t="str">
            <v>1.1</v>
          </cell>
          <cell r="G43" t="str">
            <v>2ème appel à projets</v>
          </cell>
        </row>
        <row r="44">
          <cell r="C44">
            <v>1564</v>
          </cell>
          <cell r="D44">
            <v>7</v>
          </cell>
          <cell r="E44" t="str">
            <v>4.2</v>
          </cell>
          <cell r="F44" t="str">
            <v>Alessandra</v>
          </cell>
          <cell r="G44" t="str">
            <v>2ème appel à projets</v>
          </cell>
        </row>
        <row r="45">
          <cell r="C45">
            <v>1570</v>
          </cell>
          <cell r="D45">
            <v>2</v>
          </cell>
          <cell r="E45" t="str">
            <v>3.1</v>
          </cell>
          <cell r="G45" t="str">
            <v>2ème appel à projets</v>
          </cell>
        </row>
        <row r="46">
          <cell r="C46">
            <v>1571</v>
          </cell>
          <cell r="D46">
            <v>1</v>
          </cell>
          <cell r="E46" t="str">
            <v>3.1</v>
          </cell>
          <cell r="G46" t="str">
            <v>2ème appel à projets</v>
          </cell>
        </row>
        <row r="47">
          <cell r="C47">
            <v>1573</v>
          </cell>
          <cell r="D47">
            <v>6</v>
          </cell>
          <cell r="E47" t="str">
            <v>2.2</v>
          </cell>
          <cell r="F47" t="str">
            <v>Giuliana</v>
          </cell>
          <cell r="G47" t="str">
            <v>2ème appel à projets</v>
          </cell>
        </row>
        <row r="48">
          <cell r="C48">
            <v>1574</v>
          </cell>
          <cell r="D48">
            <v>8</v>
          </cell>
          <cell r="E48" t="str">
            <v>4.2</v>
          </cell>
          <cell r="F48" t="str">
            <v>Giuliana</v>
          </cell>
          <cell r="G48" t="str">
            <v>2ème appel à projets</v>
          </cell>
        </row>
        <row r="49">
          <cell r="C49">
            <v>1579</v>
          </cell>
          <cell r="D49">
            <v>6</v>
          </cell>
          <cell r="E49" t="str">
            <v>4.2</v>
          </cell>
          <cell r="F49" t="str">
            <v>Cecilia</v>
          </cell>
          <cell r="G49" t="str">
            <v>2ème appel à projets</v>
          </cell>
        </row>
        <row r="50">
          <cell r="C50">
            <v>1580</v>
          </cell>
          <cell r="D50">
            <v>9</v>
          </cell>
          <cell r="E50" t="str">
            <v>1.1</v>
          </cell>
          <cell r="F50" t="str">
            <v>Mirella</v>
          </cell>
          <cell r="G50" t="str">
            <v>2ème appel à projets</v>
          </cell>
        </row>
        <row r="51">
          <cell r="C51">
            <v>1589</v>
          </cell>
          <cell r="D51">
            <v>1</v>
          </cell>
          <cell r="E51" t="str">
            <v>1.1</v>
          </cell>
          <cell r="G51" t="str">
            <v>2ème appel à projets</v>
          </cell>
        </row>
        <row r="52">
          <cell r="C52">
            <v>1596</v>
          </cell>
          <cell r="D52">
            <v>11</v>
          </cell>
          <cell r="E52" t="str">
            <v>3.1</v>
          </cell>
          <cell r="F52" t="str">
            <v>Giuliana</v>
          </cell>
          <cell r="G52" t="str">
            <v>2ème appel à projets</v>
          </cell>
        </row>
        <row r="53">
          <cell r="C53">
            <v>1606</v>
          </cell>
          <cell r="D53">
            <v>9</v>
          </cell>
          <cell r="E53" t="str">
            <v>2.1</v>
          </cell>
          <cell r="F53" t="str">
            <v>Maya</v>
          </cell>
          <cell r="G53" t="str">
            <v>2ème appel à projets</v>
          </cell>
        </row>
        <row r="54">
          <cell r="C54">
            <v>1609</v>
          </cell>
          <cell r="D54">
            <v>1</v>
          </cell>
          <cell r="E54" t="str">
            <v>3.1</v>
          </cell>
          <cell r="G54" t="str">
            <v>2ème appel à projets</v>
          </cell>
        </row>
        <row r="55">
          <cell r="C55">
            <v>1611</v>
          </cell>
          <cell r="D55">
            <v>7</v>
          </cell>
          <cell r="E55" t="str">
            <v>4.2</v>
          </cell>
          <cell r="F55" t="str">
            <v>Francesco</v>
          </cell>
          <cell r="G55" t="str">
            <v>2ème appel à projets</v>
          </cell>
        </row>
        <row r="56">
          <cell r="C56">
            <v>1614</v>
          </cell>
          <cell r="D56">
            <v>5</v>
          </cell>
          <cell r="E56" t="str">
            <v>2.1</v>
          </cell>
          <cell r="F56" t="str">
            <v>Mattia</v>
          </cell>
          <cell r="G56" t="str">
            <v>2ème appel à projets</v>
          </cell>
        </row>
        <row r="57">
          <cell r="C57">
            <v>1622</v>
          </cell>
          <cell r="D57">
            <v>9</v>
          </cell>
          <cell r="E57" t="str">
            <v>4.2</v>
          </cell>
          <cell r="F57" t="str">
            <v>Giuliana</v>
          </cell>
          <cell r="G57" t="str">
            <v>2ème appel à projets</v>
          </cell>
        </row>
        <row r="58">
          <cell r="C58">
            <v>1634</v>
          </cell>
          <cell r="D58">
            <v>1</v>
          </cell>
          <cell r="E58" t="str">
            <v>1.1</v>
          </cell>
          <cell r="G58" t="str">
            <v>2ème appel à projets</v>
          </cell>
        </row>
        <row r="59">
          <cell r="C59">
            <v>1636</v>
          </cell>
          <cell r="D59">
            <v>5</v>
          </cell>
          <cell r="E59" t="str">
            <v>4.2</v>
          </cell>
          <cell r="F59" t="str">
            <v>Cecilia</v>
          </cell>
          <cell r="G59" t="str">
            <v>2ème appel à projets</v>
          </cell>
        </row>
        <row r="60">
          <cell r="C60">
            <v>1640</v>
          </cell>
          <cell r="D60">
            <v>1</v>
          </cell>
          <cell r="E60" t="str">
            <v>1.1</v>
          </cell>
          <cell r="G60" t="str">
            <v>2ème appel à projets</v>
          </cell>
        </row>
        <row r="61">
          <cell r="C61">
            <v>1644</v>
          </cell>
          <cell r="D61">
            <v>6</v>
          </cell>
          <cell r="E61" t="str">
            <v>1.1</v>
          </cell>
          <cell r="F61" t="str">
            <v>Alessandra</v>
          </cell>
          <cell r="G61" t="str">
            <v>2ème appel à projets</v>
          </cell>
        </row>
        <row r="62">
          <cell r="C62">
            <v>1646</v>
          </cell>
          <cell r="D62">
            <v>1</v>
          </cell>
          <cell r="E62" t="str">
            <v>2.1</v>
          </cell>
          <cell r="G62" t="str">
            <v>2ème appel à projets</v>
          </cell>
        </row>
        <row r="63">
          <cell r="C63">
            <v>1647</v>
          </cell>
          <cell r="D63">
            <v>8</v>
          </cell>
          <cell r="E63" t="str">
            <v>3.1</v>
          </cell>
          <cell r="F63" t="str">
            <v>Cecilia</v>
          </cell>
          <cell r="G63" t="str">
            <v>2ème appel à projets</v>
          </cell>
        </row>
        <row r="64">
          <cell r="C64">
            <v>1652</v>
          </cell>
          <cell r="D64">
            <v>8</v>
          </cell>
          <cell r="E64" t="str">
            <v>2.2</v>
          </cell>
          <cell r="F64" t="str">
            <v>Giuliana</v>
          </cell>
          <cell r="G64" t="str">
            <v>2ème appel à projets</v>
          </cell>
        </row>
        <row r="65">
          <cell r="C65">
            <v>1654</v>
          </cell>
          <cell r="D65">
            <v>9</v>
          </cell>
          <cell r="E65" t="str">
            <v>4.2</v>
          </cell>
          <cell r="F65" t="str">
            <v>Giuliana</v>
          </cell>
          <cell r="G65" t="str">
            <v>2ème appel à projets</v>
          </cell>
        </row>
        <row r="66">
          <cell r="C66">
            <v>1656</v>
          </cell>
          <cell r="D66">
            <v>6</v>
          </cell>
          <cell r="E66" t="str">
            <v>3.1</v>
          </cell>
          <cell r="F66" t="str">
            <v>Giuliana</v>
          </cell>
          <cell r="G66" t="str">
            <v>2ème appel à projets</v>
          </cell>
        </row>
        <row r="67">
          <cell r="C67">
            <v>1660</v>
          </cell>
          <cell r="D67">
            <v>5</v>
          </cell>
          <cell r="E67" t="str">
            <v>1.2</v>
          </cell>
          <cell r="F67" t="str">
            <v>Maya</v>
          </cell>
          <cell r="G67" t="str">
            <v>2ème appel à projets</v>
          </cell>
        </row>
        <row r="68">
          <cell r="C68">
            <v>1661</v>
          </cell>
          <cell r="D68">
            <v>5</v>
          </cell>
          <cell r="E68" t="str">
            <v>4.2</v>
          </cell>
          <cell r="F68" t="str">
            <v>Cecilia</v>
          </cell>
          <cell r="G68" t="str">
            <v>2ème appel à projets</v>
          </cell>
        </row>
        <row r="69">
          <cell r="C69">
            <v>1664</v>
          </cell>
          <cell r="D69">
            <v>8</v>
          </cell>
          <cell r="E69" t="str">
            <v>3.2</v>
          </cell>
          <cell r="F69" t="str">
            <v>Cecilia</v>
          </cell>
          <cell r="G69" t="str">
            <v>2ème appel à projets</v>
          </cell>
        </row>
        <row r="70">
          <cell r="C70">
            <v>1667</v>
          </cell>
          <cell r="D70">
            <v>1</v>
          </cell>
          <cell r="E70" t="str">
            <v>4.2</v>
          </cell>
          <cell r="G70" t="str">
            <v>2ème appel à projets</v>
          </cell>
        </row>
        <row r="71">
          <cell r="C71">
            <v>1670</v>
          </cell>
          <cell r="D71">
            <v>1</v>
          </cell>
          <cell r="E71" t="str">
            <v>4.2</v>
          </cell>
          <cell r="G71" t="str">
            <v>2ème appel à projets</v>
          </cell>
        </row>
        <row r="72">
          <cell r="C72">
            <v>1671</v>
          </cell>
          <cell r="D72">
            <v>8</v>
          </cell>
          <cell r="E72" t="str">
            <v>2.1</v>
          </cell>
          <cell r="F72" t="str">
            <v>Cecilia</v>
          </cell>
          <cell r="G72" t="str">
            <v>2ème appel à projets</v>
          </cell>
        </row>
        <row r="73">
          <cell r="C73">
            <v>1672</v>
          </cell>
          <cell r="D73">
            <v>1</v>
          </cell>
          <cell r="E73" t="str">
            <v>1.1</v>
          </cell>
          <cell r="G73" t="str">
            <v>2ème appel à projets</v>
          </cell>
        </row>
        <row r="74">
          <cell r="C74">
            <v>1673</v>
          </cell>
          <cell r="D74">
            <v>7</v>
          </cell>
          <cell r="E74" t="str">
            <v>3.1</v>
          </cell>
          <cell r="F74" t="str">
            <v>Mirella</v>
          </cell>
          <cell r="G74" t="str">
            <v>2ème appel à projets</v>
          </cell>
        </row>
        <row r="75">
          <cell r="C75">
            <v>1674</v>
          </cell>
          <cell r="D75">
            <v>1</v>
          </cell>
          <cell r="E75" t="str">
            <v>1.1</v>
          </cell>
          <cell r="G75" t="str">
            <v>2ème appel à projets</v>
          </cell>
        </row>
        <row r="76">
          <cell r="C76">
            <v>1676</v>
          </cell>
          <cell r="D76">
            <v>1</v>
          </cell>
          <cell r="E76" t="str">
            <v>3.1</v>
          </cell>
          <cell r="G76" t="str">
            <v>2ème appel à projets</v>
          </cell>
        </row>
        <row r="77">
          <cell r="C77">
            <v>1680</v>
          </cell>
          <cell r="D77">
            <v>1</v>
          </cell>
          <cell r="E77" t="str">
            <v>3.1</v>
          </cell>
          <cell r="G77" t="str">
            <v>2ème appel à projets</v>
          </cell>
        </row>
        <row r="78">
          <cell r="C78">
            <v>1681</v>
          </cell>
          <cell r="D78">
            <v>9</v>
          </cell>
          <cell r="E78" t="str">
            <v>3.1</v>
          </cell>
          <cell r="F78" t="str">
            <v>Cecilia</v>
          </cell>
          <cell r="G78" t="str">
            <v>2ème appel à projets</v>
          </cell>
        </row>
        <row r="79">
          <cell r="C79">
            <v>1684</v>
          </cell>
          <cell r="D79">
            <v>1</v>
          </cell>
          <cell r="E79" t="str">
            <v>1.1</v>
          </cell>
          <cell r="G79" t="str">
            <v>2ème appel à projets</v>
          </cell>
        </row>
        <row r="80">
          <cell r="C80">
            <v>1686</v>
          </cell>
          <cell r="D80">
            <v>6</v>
          </cell>
          <cell r="E80" t="str">
            <v>4.1</v>
          </cell>
          <cell r="F80" t="str">
            <v>Mirella</v>
          </cell>
          <cell r="G80" t="str">
            <v>2ème appel à projets</v>
          </cell>
        </row>
        <row r="81">
          <cell r="C81">
            <v>1690</v>
          </cell>
          <cell r="D81">
            <v>1</v>
          </cell>
          <cell r="E81" t="str">
            <v>3.2</v>
          </cell>
          <cell r="G81" t="str">
            <v>2ème appel à projets</v>
          </cell>
        </row>
        <row r="82">
          <cell r="C82">
            <v>1692</v>
          </cell>
          <cell r="D82">
            <v>1</v>
          </cell>
          <cell r="E82" t="str">
            <v>3.1</v>
          </cell>
          <cell r="G82" t="str">
            <v>2ème appel à projets</v>
          </cell>
        </row>
        <row r="83">
          <cell r="C83">
            <v>1693</v>
          </cell>
          <cell r="D83">
            <v>1</v>
          </cell>
          <cell r="E83" t="str">
            <v>3.1</v>
          </cell>
          <cell r="G83" t="str">
            <v>2ème appel à projets</v>
          </cell>
        </row>
        <row r="84">
          <cell r="C84">
            <v>1694</v>
          </cell>
          <cell r="D84">
            <v>6</v>
          </cell>
          <cell r="E84" t="str">
            <v>3.1</v>
          </cell>
          <cell r="F84" t="str">
            <v>Mattia</v>
          </cell>
          <cell r="G84" t="str">
            <v>2ème appel à projets</v>
          </cell>
        </row>
        <row r="85">
          <cell r="C85">
            <v>1695</v>
          </cell>
          <cell r="D85">
            <v>7</v>
          </cell>
          <cell r="E85" t="str">
            <v>3.2</v>
          </cell>
          <cell r="F85" t="str">
            <v>Alessandra</v>
          </cell>
          <cell r="G85" t="str">
            <v>2ème appel à projets</v>
          </cell>
        </row>
        <row r="86">
          <cell r="C86">
            <v>1697</v>
          </cell>
          <cell r="D86">
            <v>1</v>
          </cell>
          <cell r="E86" t="str">
            <v>1.1</v>
          </cell>
          <cell r="G86" t="str">
            <v>2ème appel à projets</v>
          </cell>
        </row>
        <row r="87">
          <cell r="C87">
            <v>1699</v>
          </cell>
          <cell r="D87">
            <v>6</v>
          </cell>
          <cell r="E87" t="str">
            <v>3.1</v>
          </cell>
          <cell r="F87" t="str">
            <v>Giuliana</v>
          </cell>
          <cell r="G87" t="str">
            <v>2ème appel à projets</v>
          </cell>
        </row>
        <row r="88">
          <cell r="C88">
            <v>1704</v>
          </cell>
          <cell r="D88">
            <v>1</v>
          </cell>
          <cell r="E88" t="str">
            <v>3.1</v>
          </cell>
          <cell r="G88" t="str">
            <v>2ème appel à projets</v>
          </cell>
        </row>
        <row r="89">
          <cell r="C89">
            <v>1705</v>
          </cell>
          <cell r="D89">
            <v>6</v>
          </cell>
          <cell r="E89" t="str">
            <v>3.3</v>
          </cell>
          <cell r="F89" t="str">
            <v>Francesco</v>
          </cell>
          <cell r="G89" t="str">
            <v>2ème appel à projets</v>
          </cell>
        </row>
        <row r="90">
          <cell r="C90">
            <v>1706</v>
          </cell>
          <cell r="D90">
            <v>6</v>
          </cell>
          <cell r="E90" t="str">
            <v>3.1</v>
          </cell>
          <cell r="F90" t="str">
            <v>Francesco</v>
          </cell>
          <cell r="G90" t="str">
            <v>2ème appel à projets</v>
          </cell>
        </row>
        <row r="91">
          <cell r="C91">
            <v>1708</v>
          </cell>
          <cell r="D91">
            <v>1</v>
          </cell>
          <cell r="E91" t="str">
            <v>3.1</v>
          </cell>
          <cell r="G91" t="str">
            <v>2ème appel à projets</v>
          </cell>
        </row>
        <row r="92">
          <cell r="C92">
            <v>1709</v>
          </cell>
          <cell r="D92">
            <v>10</v>
          </cell>
          <cell r="E92" t="str">
            <v>3.1</v>
          </cell>
          <cell r="F92" t="str">
            <v>Giuliana</v>
          </cell>
          <cell r="G92" t="str">
            <v>2ème appel à projets</v>
          </cell>
        </row>
        <row r="93">
          <cell r="C93">
            <v>1710</v>
          </cell>
          <cell r="D93">
            <v>1</v>
          </cell>
          <cell r="E93" t="str">
            <v>1.2</v>
          </cell>
          <cell r="G93" t="str">
            <v>2ème appel à projets</v>
          </cell>
        </row>
        <row r="94">
          <cell r="C94">
            <v>1711</v>
          </cell>
          <cell r="D94">
            <v>6</v>
          </cell>
          <cell r="E94" t="str">
            <v>2.1</v>
          </cell>
          <cell r="F94" t="str">
            <v>Maya</v>
          </cell>
          <cell r="G94" t="str">
            <v>2ème appel à projets</v>
          </cell>
        </row>
        <row r="95">
          <cell r="C95">
            <v>1712</v>
          </cell>
          <cell r="D95">
            <v>13</v>
          </cell>
          <cell r="E95" t="str">
            <v>2.1</v>
          </cell>
          <cell r="F95" t="str">
            <v>Giuliana</v>
          </cell>
          <cell r="G95" t="str">
            <v>2ème appel à projets</v>
          </cell>
        </row>
        <row r="96">
          <cell r="C96">
            <v>1715</v>
          </cell>
          <cell r="D96">
            <v>1</v>
          </cell>
          <cell r="E96" t="str">
            <v>3.3</v>
          </cell>
          <cell r="G96" t="str">
            <v>2ème appel à projets</v>
          </cell>
        </row>
        <row r="97">
          <cell r="C97">
            <v>1716</v>
          </cell>
          <cell r="D97">
            <v>1</v>
          </cell>
          <cell r="E97" t="str">
            <v>2.2</v>
          </cell>
          <cell r="G97" t="str">
            <v>2ème appel à projets</v>
          </cell>
        </row>
        <row r="98">
          <cell r="C98">
            <v>1720</v>
          </cell>
          <cell r="D98">
            <v>6</v>
          </cell>
          <cell r="E98" t="str">
            <v>3.1</v>
          </cell>
          <cell r="F98" t="str">
            <v>Cecilia</v>
          </cell>
          <cell r="G98" t="str">
            <v>2ème appel à projets</v>
          </cell>
        </row>
        <row r="99">
          <cell r="C99">
            <v>1725</v>
          </cell>
          <cell r="D99">
            <v>8</v>
          </cell>
          <cell r="E99" t="str">
            <v>3.3</v>
          </cell>
          <cell r="F99" t="str">
            <v>Francesco</v>
          </cell>
          <cell r="G99" t="str">
            <v>2ème appel à projets</v>
          </cell>
        </row>
        <row r="100">
          <cell r="C100">
            <v>1728</v>
          </cell>
          <cell r="D100">
            <v>9</v>
          </cell>
          <cell r="E100" t="str">
            <v>3.1</v>
          </cell>
          <cell r="F100" t="str">
            <v>Francesco</v>
          </cell>
          <cell r="G100" t="str">
            <v>2ème appel à projets</v>
          </cell>
        </row>
        <row r="101">
          <cell r="C101">
            <v>1729</v>
          </cell>
          <cell r="D101">
            <v>11</v>
          </cell>
          <cell r="E101" t="str">
            <v>2.2</v>
          </cell>
          <cell r="F101" t="str">
            <v>Giuliana</v>
          </cell>
          <cell r="G101" t="str">
            <v>2ème appel à projets</v>
          </cell>
        </row>
        <row r="102">
          <cell r="C102">
            <v>1730</v>
          </cell>
          <cell r="D102">
            <v>8</v>
          </cell>
          <cell r="E102" t="str">
            <v>4.1</v>
          </cell>
          <cell r="F102" t="str">
            <v>Alessandra</v>
          </cell>
          <cell r="G102" t="str">
            <v>2ème appel à projets</v>
          </cell>
        </row>
        <row r="103">
          <cell r="C103">
            <v>1731</v>
          </cell>
          <cell r="D103">
            <v>1</v>
          </cell>
          <cell r="E103" t="str">
            <v>1.1</v>
          </cell>
          <cell r="G103" t="str">
            <v>2ème appel à projets</v>
          </cell>
        </row>
        <row r="104">
          <cell r="C104">
            <v>1732</v>
          </cell>
          <cell r="D104">
            <v>1</v>
          </cell>
          <cell r="E104" t="str">
            <v>1.1</v>
          </cell>
          <cell r="G104" t="str">
            <v>2ème appel à projets</v>
          </cell>
        </row>
        <row r="105">
          <cell r="C105">
            <v>1733</v>
          </cell>
          <cell r="D105">
            <v>8</v>
          </cell>
          <cell r="E105" t="str">
            <v>1.1</v>
          </cell>
          <cell r="F105" t="str">
            <v>Mirella</v>
          </cell>
          <cell r="G105" t="str">
            <v>2ème appel à projets</v>
          </cell>
        </row>
        <row r="106">
          <cell r="C106">
            <v>1734</v>
          </cell>
          <cell r="D106">
            <v>1</v>
          </cell>
          <cell r="E106" t="str">
            <v>2.2</v>
          </cell>
          <cell r="G106" t="str">
            <v>2ème appel à projets</v>
          </cell>
        </row>
        <row r="107">
          <cell r="C107">
            <v>1738</v>
          </cell>
          <cell r="D107">
            <v>6</v>
          </cell>
          <cell r="E107" t="str">
            <v>3.1</v>
          </cell>
          <cell r="F107" t="str">
            <v>Mirella</v>
          </cell>
          <cell r="G107" t="str">
            <v>2ème appel à projets</v>
          </cell>
        </row>
        <row r="108">
          <cell r="C108">
            <v>1740</v>
          </cell>
          <cell r="D108">
            <v>6</v>
          </cell>
          <cell r="E108" t="str">
            <v>3.1</v>
          </cell>
          <cell r="F108" t="str">
            <v>Alessandra</v>
          </cell>
          <cell r="G108" t="str">
            <v>2ème appel à projets</v>
          </cell>
        </row>
        <row r="109">
          <cell r="C109">
            <v>1741</v>
          </cell>
          <cell r="D109">
            <v>10</v>
          </cell>
          <cell r="E109" t="str">
            <v>3.3</v>
          </cell>
          <cell r="F109" t="str">
            <v>Giuliana</v>
          </cell>
          <cell r="G109" t="str">
            <v>2ème appel à projets</v>
          </cell>
        </row>
        <row r="110">
          <cell r="C110">
            <v>1744</v>
          </cell>
          <cell r="D110">
            <v>5</v>
          </cell>
          <cell r="E110" t="str">
            <v>3.1</v>
          </cell>
          <cell r="F110" t="str">
            <v>Mirella</v>
          </cell>
          <cell r="G110" t="str">
            <v>2ème appel à projets</v>
          </cell>
        </row>
        <row r="111">
          <cell r="C111">
            <v>1745</v>
          </cell>
          <cell r="D111">
            <v>7</v>
          </cell>
          <cell r="E111" t="str">
            <v>3.1</v>
          </cell>
          <cell r="F111" t="str">
            <v>Mirella</v>
          </cell>
          <cell r="G111" t="str">
            <v>2ème appel à projets</v>
          </cell>
        </row>
        <row r="112">
          <cell r="C112">
            <v>1747</v>
          </cell>
          <cell r="D112">
            <v>1</v>
          </cell>
          <cell r="E112" t="str">
            <v>3.3</v>
          </cell>
          <cell r="G112" t="str">
            <v>2ème appel à projets</v>
          </cell>
        </row>
        <row r="113">
          <cell r="C113">
            <v>1748</v>
          </cell>
          <cell r="D113">
            <v>1</v>
          </cell>
          <cell r="E113" t="str">
            <v>1.2</v>
          </cell>
          <cell r="G113" t="str">
            <v>2ème appel à projets</v>
          </cell>
        </row>
        <row r="114">
          <cell r="C114">
            <v>1754</v>
          </cell>
          <cell r="D114">
            <v>1</v>
          </cell>
          <cell r="E114" t="str">
            <v>3.1</v>
          </cell>
          <cell r="G114" t="str">
            <v>2ème appel à projets</v>
          </cell>
        </row>
        <row r="115">
          <cell r="C115">
            <v>1760</v>
          </cell>
          <cell r="D115">
            <v>1</v>
          </cell>
          <cell r="E115" t="str">
            <v>3.1</v>
          </cell>
          <cell r="G115" t="str">
            <v>2ème appel à projets</v>
          </cell>
        </row>
        <row r="116">
          <cell r="C116">
            <v>1766</v>
          </cell>
          <cell r="D116">
            <v>1</v>
          </cell>
          <cell r="E116" t="str">
            <v>3.3</v>
          </cell>
          <cell r="G116" t="str">
            <v>2ème appel à projets</v>
          </cell>
        </row>
        <row r="117">
          <cell r="C117">
            <v>1776</v>
          </cell>
          <cell r="D117">
            <v>5</v>
          </cell>
          <cell r="E117" t="str">
            <v>2.1</v>
          </cell>
          <cell r="F117" t="str">
            <v>Maya</v>
          </cell>
          <cell r="G117" t="str">
            <v>2ème appel à projets</v>
          </cell>
        </row>
        <row r="118">
          <cell r="C118">
            <v>1780</v>
          </cell>
          <cell r="D118">
            <v>1</v>
          </cell>
          <cell r="E118" t="str">
            <v>3.1</v>
          </cell>
          <cell r="G118" t="str">
            <v>2ème appel à projets</v>
          </cell>
        </row>
        <row r="119">
          <cell r="C119">
            <v>1784</v>
          </cell>
          <cell r="D119">
            <v>1</v>
          </cell>
          <cell r="E119" t="str">
            <v>4.2</v>
          </cell>
          <cell r="G119" t="str">
            <v>2ème appel à projets</v>
          </cell>
        </row>
        <row r="120">
          <cell r="C120">
            <v>1791</v>
          </cell>
          <cell r="D120">
            <v>1</v>
          </cell>
          <cell r="E120" t="str">
            <v>3.1</v>
          </cell>
          <cell r="G120" t="str">
            <v>2ème appel à projets</v>
          </cell>
        </row>
        <row r="121">
          <cell r="C121">
            <v>1794</v>
          </cell>
          <cell r="D121">
            <v>1</v>
          </cell>
          <cell r="E121" t="str">
            <v>3.1</v>
          </cell>
          <cell r="G121" t="str">
            <v>2ème appel à projets</v>
          </cell>
        </row>
        <row r="122">
          <cell r="C122">
            <v>1795</v>
          </cell>
          <cell r="D122">
            <v>1</v>
          </cell>
          <cell r="E122" t="str">
            <v>3.1</v>
          </cell>
          <cell r="G122" t="str">
            <v>2ème appel à projets</v>
          </cell>
        </row>
        <row r="123">
          <cell r="C123">
            <v>1806</v>
          </cell>
          <cell r="D123">
            <v>7</v>
          </cell>
          <cell r="E123" t="str">
            <v>3.1</v>
          </cell>
          <cell r="F123" t="str">
            <v>Cecilia</v>
          </cell>
          <cell r="G123" t="str">
            <v>2ème appel à projets</v>
          </cell>
        </row>
        <row r="124">
          <cell r="C124">
            <v>1818</v>
          </cell>
          <cell r="D124">
            <v>6</v>
          </cell>
          <cell r="E124" t="str">
            <v>3.1</v>
          </cell>
          <cell r="F124" t="str">
            <v>Alessandra</v>
          </cell>
          <cell r="G124" t="str">
            <v>2ème appel à projets</v>
          </cell>
        </row>
        <row r="125">
          <cell r="C125">
            <v>1821</v>
          </cell>
          <cell r="D125">
            <v>1</v>
          </cell>
          <cell r="E125" t="str">
            <v>2.2</v>
          </cell>
          <cell r="G125" t="str">
            <v>2ème appel à projets</v>
          </cell>
        </row>
        <row r="126">
          <cell r="C126">
            <v>1824</v>
          </cell>
          <cell r="D126">
            <v>1</v>
          </cell>
          <cell r="E126" t="str">
            <v>1.1</v>
          </cell>
          <cell r="G126" t="str">
            <v>2ème appel à projets</v>
          </cell>
        </row>
        <row r="127">
          <cell r="C127">
            <v>1828</v>
          </cell>
          <cell r="D127">
            <v>14</v>
          </cell>
          <cell r="E127" t="str">
            <v>4.1</v>
          </cell>
          <cell r="F127" t="str">
            <v>Giuliana</v>
          </cell>
          <cell r="G127" t="str">
            <v>2ème appel à projets</v>
          </cell>
        </row>
        <row r="128">
          <cell r="C128">
            <v>1829</v>
          </cell>
          <cell r="D128">
            <v>1</v>
          </cell>
          <cell r="E128" t="str">
            <v>3.3</v>
          </cell>
          <cell r="G128" t="str">
            <v>2ème appel à projets</v>
          </cell>
        </row>
        <row r="129">
          <cell r="C129">
            <v>1830</v>
          </cell>
          <cell r="D129">
            <v>6</v>
          </cell>
          <cell r="E129" t="str">
            <v>3.1</v>
          </cell>
          <cell r="F129" t="str">
            <v>Cecilia</v>
          </cell>
          <cell r="G129" t="str">
            <v>2ème appel à projets</v>
          </cell>
        </row>
        <row r="130">
          <cell r="C130">
            <v>1836</v>
          </cell>
          <cell r="D130">
            <v>1</v>
          </cell>
          <cell r="E130" t="str">
            <v>3.1</v>
          </cell>
          <cell r="G130" t="str">
            <v>2ème appel à projets</v>
          </cell>
        </row>
        <row r="131">
          <cell r="C131">
            <v>1841</v>
          </cell>
          <cell r="D131">
            <v>1</v>
          </cell>
          <cell r="E131" t="str">
            <v>1.2</v>
          </cell>
          <cell r="G131" t="str">
            <v>2ème appel à projets</v>
          </cell>
        </row>
        <row r="132">
          <cell r="C132">
            <v>1842</v>
          </cell>
          <cell r="D132">
            <v>1</v>
          </cell>
          <cell r="E132" t="str">
            <v>3.1</v>
          </cell>
          <cell r="G132" t="str">
            <v>2ème appel à projets</v>
          </cell>
        </row>
        <row r="133">
          <cell r="C133">
            <v>1843</v>
          </cell>
          <cell r="D133">
            <v>1</v>
          </cell>
          <cell r="E133" t="str">
            <v>1.1</v>
          </cell>
          <cell r="G133" t="str">
            <v>2ème appel à projets</v>
          </cell>
        </row>
        <row r="134">
          <cell r="C134">
            <v>1847</v>
          </cell>
          <cell r="D134">
            <v>1</v>
          </cell>
          <cell r="E134" t="str">
            <v>1.1</v>
          </cell>
          <cell r="G134" t="str">
            <v>2ème appel à projets</v>
          </cell>
        </row>
        <row r="135">
          <cell r="C135">
            <v>1850</v>
          </cell>
          <cell r="D135">
            <v>10</v>
          </cell>
          <cell r="E135" t="str">
            <v>4.1</v>
          </cell>
          <cell r="F135" t="str">
            <v>Mirella</v>
          </cell>
          <cell r="G135" t="str">
            <v>2ème appel à projets</v>
          </cell>
        </row>
        <row r="136">
          <cell r="C136">
            <v>1857</v>
          </cell>
          <cell r="D136">
            <v>1</v>
          </cell>
          <cell r="E136" t="str">
            <v>4.1</v>
          </cell>
          <cell r="G136" t="str">
            <v>2ème appel à projets</v>
          </cell>
        </row>
        <row r="137">
          <cell r="C137">
            <v>2219</v>
          </cell>
          <cell r="D137">
            <v>2</v>
          </cell>
          <cell r="E137" t="str">
            <v>5.1</v>
          </cell>
          <cell r="F137" t="str">
            <v/>
          </cell>
          <cell r="G137" t="str">
            <v>Assistance technique</v>
          </cell>
        </row>
        <row r="138">
          <cell r="C138">
            <v>2223</v>
          </cell>
          <cell r="D138">
            <v>2</v>
          </cell>
          <cell r="E138" t="str">
            <v>5.1</v>
          </cell>
          <cell r="F138" t="str">
            <v/>
          </cell>
          <cell r="G138" t="str">
            <v>Assistance technique</v>
          </cell>
        </row>
        <row r="139">
          <cell r="C139">
            <v>2240</v>
          </cell>
          <cell r="D139">
            <v>3</v>
          </cell>
          <cell r="E139" t="str">
            <v>5.2</v>
          </cell>
          <cell r="F139" t="str">
            <v/>
          </cell>
          <cell r="G139" t="str">
            <v>Assistance technique</v>
          </cell>
        </row>
        <row r="140">
          <cell r="C140">
            <v>2263</v>
          </cell>
          <cell r="D140">
            <v>2</v>
          </cell>
          <cell r="E140" t="str">
            <v>5.1</v>
          </cell>
          <cell r="F140" t="str">
            <v/>
          </cell>
          <cell r="G140" t="str">
            <v>Assistance technique</v>
          </cell>
        </row>
        <row r="141">
          <cell r="C141">
            <v>2399</v>
          </cell>
          <cell r="D141">
            <v>5</v>
          </cell>
          <cell r="E141" t="str">
            <v>5.1</v>
          </cell>
          <cell r="F141" t="str">
            <v/>
          </cell>
          <cell r="G141" t="str">
            <v>Assistance technique</v>
          </cell>
        </row>
        <row r="142">
          <cell r="C142">
            <v>2401</v>
          </cell>
          <cell r="D142">
            <v>4</v>
          </cell>
          <cell r="E142" t="str">
            <v>5.1</v>
          </cell>
          <cell r="F142" t="str">
            <v/>
          </cell>
          <cell r="G142" t="str">
            <v>Assistance technique</v>
          </cell>
        </row>
        <row r="143">
          <cell r="C143">
            <v>2457</v>
          </cell>
          <cell r="D143">
            <v>3</v>
          </cell>
          <cell r="E143" t="str">
            <v>5.1</v>
          </cell>
          <cell r="F143" t="str">
            <v/>
          </cell>
          <cell r="G143" t="str">
            <v>Assistance technique</v>
          </cell>
        </row>
        <row r="144">
          <cell r="C144">
            <v>2463</v>
          </cell>
          <cell r="D144">
            <v>1</v>
          </cell>
          <cell r="E144" t="str">
            <v>5.1</v>
          </cell>
          <cell r="F144" t="str">
            <v/>
          </cell>
          <cell r="G144" t="str">
            <v>Assistance technique</v>
          </cell>
        </row>
        <row r="145">
          <cell r="C145">
            <v>2465</v>
          </cell>
          <cell r="D145">
            <v>2</v>
          </cell>
          <cell r="E145" t="str">
            <v>5.2</v>
          </cell>
          <cell r="F145" t="str">
            <v/>
          </cell>
          <cell r="G145" t="str">
            <v>Assistance technique</v>
          </cell>
        </row>
        <row r="146">
          <cell r="C146">
            <v>2815</v>
          </cell>
          <cell r="D146">
            <v>5</v>
          </cell>
          <cell r="E146" t="str">
            <v>5.1</v>
          </cell>
          <cell r="F146" t="str">
            <v/>
          </cell>
          <cell r="G146" t="str">
            <v>Assistance technique</v>
          </cell>
        </row>
        <row r="147">
          <cell r="C147">
            <v>2919</v>
          </cell>
          <cell r="D147">
            <v>2</v>
          </cell>
          <cell r="E147" t="str">
            <v>2.2</v>
          </cell>
          <cell r="G147" t="str">
            <v>Appel à manifestation PITEM</v>
          </cell>
        </row>
        <row r="148">
          <cell r="C148">
            <v>2923</v>
          </cell>
          <cell r="D148">
            <v>4</v>
          </cell>
          <cell r="E148" t="str">
            <v>3.1</v>
          </cell>
          <cell r="G148" t="str">
            <v>Appel à manifestation PITEM</v>
          </cell>
        </row>
        <row r="149">
          <cell r="C149">
            <v>2942</v>
          </cell>
          <cell r="D149">
            <v>2</v>
          </cell>
          <cell r="E149" t="str">
            <v> </v>
          </cell>
          <cell r="G149" t="str">
            <v>Appel à manifestation PITER</v>
          </cell>
        </row>
        <row r="150">
          <cell r="C150">
            <v>2966</v>
          </cell>
          <cell r="D150">
            <v>2</v>
          </cell>
          <cell r="E150" t="str">
            <v> </v>
          </cell>
          <cell r="G150" t="str">
            <v>Appel à manifestation PITER</v>
          </cell>
        </row>
        <row r="151">
          <cell r="C151">
            <v>2983</v>
          </cell>
          <cell r="D151">
            <v>4</v>
          </cell>
          <cell r="E151" t="str">
            <v>3.2</v>
          </cell>
          <cell r="G151" t="str">
            <v>Appel à manifestation PITEM</v>
          </cell>
        </row>
        <row r="152">
          <cell r="C152">
            <v>3005</v>
          </cell>
          <cell r="D152">
            <v>5</v>
          </cell>
          <cell r="E152" t="str">
            <v>5.1</v>
          </cell>
          <cell r="F152" t="str">
            <v/>
          </cell>
          <cell r="G152" t="str">
            <v>Assistance technique</v>
          </cell>
        </row>
        <row r="153">
          <cell r="C153">
            <v>3113</v>
          </cell>
          <cell r="D153">
            <v>3</v>
          </cell>
          <cell r="E153" t="str">
            <v> </v>
          </cell>
          <cell r="G153" t="str">
            <v>Appel à manifestation PITER</v>
          </cell>
        </row>
        <row r="154">
          <cell r="C154">
            <v>3129</v>
          </cell>
          <cell r="D154">
            <v>2</v>
          </cell>
          <cell r="E154" t="str">
            <v> </v>
          </cell>
          <cell r="G154" t="str">
            <v>Appel à manifestation PITER</v>
          </cell>
        </row>
        <row r="155">
          <cell r="C155">
            <v>3193</v>
          </cell>
          <cell r="D155">
            <v>4</v>
          </cell>
          <cell r="E155" t="str">
            <v>3.1</v>
          </cell>
          <cell r="G155" t="str">
            <v>Appel à manifestation PITEM</v>
          </cell>
        </row>
        <row r="156">
          <cell r="C156">
            <v>3210</v>
          </cell>
          <cell r="D156">
            <v>3</v>
          </cell>
          <cell r="E156" t="str">
            <v>1.1</v>
          </cell>
          <cell r="G156" t="str">
            <v>Appel à manifestation PITEM</v>
          </cell>
        </row>
        <row r="157">
          <cell r="C157">
            <v>3238</v>
          </cell>
          <cell r="D157">
            <v>2</v>
          </cell>
          <cell r="E157" t="str">
            <v> </v>
          </cell>
          <cell r="G157" t="str">
            <v>Appel à manifestation PITER</v>
          </cell>
        </row>
        <row r="158">
          <cell r="C158">
            <v>3261</v>
          </cell>
          <cell r="D158">
            <v>3</v>
          </cell>
          <cell r="E158" t="str">
            <v>5.1</v>
          </cell>
          <cell r="F158" t="str">
            <v/>
          </cell>
          <cell r="G158" t="str">
            <v>Assistance technique</v>
          </cell>
        </row>
        <row r="159">
          <cell r="C159">
            <v>3321</v>
          </cell>
          <cell r="D159">
            <v>4</v>
          </cell>
          <cell r="E159" t="str">
            <v> </v>
          </cell>
          <cell r="G159" t="str">
            <v>Appel à manifestation PITER</v>
          </cell>
        </row>
        <row r="160">
          <cell r="C160">
            <v>3345</v>
          </cell>
          <cell r="D160">
            <v>2</v>
          </cell>
          <cell r="E160" t="str">
            <v>4.1</v>
          </cell>
          <cell r="G160" t="str">
            <v>Appel à manifestation PITEM</v>
          </cell>
        </row>
        <row r="161">
          <cell r="C161">
            <v>3417</v>
          </cell>
          <cell r="D161">
            <v>2</v>
          </cell>
          <cell r="E161" t="str">
            <v>5.1</v>
          </cell>
          <cell r="F161" t="str">
            <v/>
          </cell>
          <cell r="G161" t="str">
            <v>Assistance technique</v>
          </cell>
        </row>
        <row r="162">
          <cell r="C162">
            <v>3420</v>
          </cell>
          <cell r="D162">
            <v>3</v>
          </cell>
          <cell r="E162" t="str">
            <v>5.2</v>
          </cell>
          <cell r="F162" t="str">
            <v/>
          </cell>
          <cell r="G162" t="str">
            <v>Assistance technique</v>
          </cell>
        </row>
        <row r="163">
          <cell r="C163">
            <v>3452</v>
          </cell>
          <cell r="D163">
            <v>4</v>
          </cell>
          <cell r="E163" t="str">
            <v>5.1</v>
          </cell>
          <cell r="F163" t="str">
            <v/>
          </cell>
          <cell r="G163" t="str">
            <v>Assistance technique</v>
          </cell>
        </row>
        <row r="164">
          <cell r="C164">
            <v>3462</v>
          </cell>
          <cell r="D164">
            <v>2</v>
          </cell>
          <cell r="E164" t="str">
            <v>5.2</v>
          </cell>
          <cell r="F164" t="str">
            <v/>
          </cell>
          <cell r="G164" t="str">
            <v>Assistance technique</v>
          </cell>
        </row>
        <row r="165">
          <cell r="C165">
            <v>3500</v>
          </cell>
          <cell r="D165">
            <v>4</v>
          </cell>
          <cell r="E165" t="str">
            <v>5.2</v>
          </cell>
          <cell r="F165" t="str">
            <v/>
          </cell>
          <cell r="G165" t="str">
            <v>Assistance technique</v>
          </cell>
        </row>
        <row r="166">
          <cell r="C166">
            <v>3653</v>
          </cell>
          <cell r="D166">
            <v>1</v>
          </cell>
          <cell r="E166" t="str">
            <v>5.1</v>
          </cell>
          <cell r="F166" t="str">
            <v/>
          </cell>
          <cell r="G166" t="str">
            <v>Assistance technique</v>
          </cell>
        </row>
        <row r="167">
          <cell r="C167">
            <v>3704</v>
          </cell>
          <cell r="D167">
            <v>1</v>
          </cell>
          <cell r="E167" t="str">
            <v>5.1</v>
          </cell>
          <cell r="F167" t="str">
            <v/>
          </cell>
          <cell r="G167" t="str">
            <v>Assistance technique</v>
          </cell>
        </row>
        <row r="168">
          <cell r="C168">
            <v>3797</v>
          </cell>
          <cell r="D168">
            <v>6</v>
          </cell>
          <cell r="E168" t="str">
            <v>3.2</v>
          </cell>
          <cell r="F168" t="str">
            <v>Mattia</v>
          </cell>
          <cell r="G168" t="str">
            <v>Appel à projet PITEM phase 2</v>
          </cell>
        </row>
        <row r="169">
          <cell r="C169">
            <v>3824</v>
          </cell>
          <cell r="D169">
            <v>5</v>
          </cell>
          <cell r="E169" t="str">
            <v>2.2</v>
          </cell>
          <cell r="F169" t="str">
            <v>Maya</v>
          </cell>
          <cell r="G169" t="str">
            <v>Appel à projet PITEM phase 2</v>
          </cell>
        </row>
        <row r="170">
          <cell r="C170">
            <v>3839</v>
          </cell>
          <cell r="D170">
            <v>6</v>
          </cell>
          <cell r="E170" t="str">
            <v>3.1</v>
          </cell>
          <cell r="F170" t="str">
            <v>Cecilia</v>
          </cell>
          <cell r="G170" t="str">
            <v>Appel à projet PITER phase 2</v>
          </cell>
        </row>
        <row r="171">
          <cell r="C171">
            <v>3840</v>
          </cell>
          <cell r="D171">
            <v>8</v>
          </cell>
          <cell r="E171" t="str">
            <v>4.2</v>
          </cell>
          <cell r="F171" t="str">
            <v>Cecilia</v>
          </cell>
          <cell r="G171" t="str">
            <v>Appel à projet PITER phase 2</v>
          </cell>
        </row>
        <row r="172">
          <cell r="C172">
            <v>3844</v>
          </cell>
          <cell r="D172">
            <v>5</v>
          </cell>
          <cell r="E172" t="str">
            <v>2.2</v>
          </cell>
          <cell r="F172" t="str">
            <v>Maya</v>
          </cell>
          <cell r="G172" t="str">
            <v>Appel à projet PITEM phase 2</v>
          </cell>
        </row>
        <row r="173">
          <cell r="C173">
            <v>3845</v>
          </cell>
          <cell r="D173">
            <v>7</v>
          </cell>
          <cell r="E173" t="str">
            <v>2.2</v>
          </cell>
          <cell r="F173" t="str">
            <v>Maya</v>
          </cell>
          <cell r="G173" t="str">
            <v>Appel à projet PITEM phase 2</v>
          </cell>
        </row>
        <row r="174">
          <cell r="C174">
            <v>3860</v>
          </cell>
          <cell r="D174">
            <v>9</v>
          </cell>
          <cell r="E174" t="str">
            <v>3.1</v>
          </cell>
          <cell r="F174" t="str">
            <v>Cecilia</v>
          </cell>
          <cell r="G174" t="str">
            <v>Appel à projet PITER phase 2</v>
          </cell>
        </row>
        <row r="175">
          <cell r="C175">
            <v>3861</v>
          </cell>
          <cell r="D175">
            <v>6</v>
          </cell>
          <cell r="E175" t="str">
            <v>1.1</v>
          </cell>
          <cell r="F175" t="str">
            <v>Cecilia</v>
          </cell>
          <cell r="G175" t="str">
            <v xml:space="preserve">Appel à projet PITER phase 3 </v>
          </cell>
        </row>
        <row r="176">
          <cell r="C176">
            <v>3896</v>
          </cell>
          <cell r="D176">
            <v>7</v>
          </cell>
          <cell r="E176" t="str">
            <v>3.2</v>
          </cell>
          <cell r="F176" t="str">
            <v>Mattia</v>
          </cell>
          <cell r="G176" t="str">
            <v>Appel à projet PITEM phase 2</v>
          </cell>
        </row>
        <row r="177">
          <cell r="C177">
            <v>3926</v>
          </cell>
          <cell r="D177">
            <v>7</v>
          </cell>
          <cell r="E177" t="str">
            <v>4.1</v>
          </cell>
          <cell r="F177" t="str">
            <v>Alessandra</v>
          </cell>
          <cell r="G177" t="str">
            <v>Appel à projet PITER phase 2</v>
          </cell>
        </row>
        <row r="178">
          <cell r="C178">
            <v>3931</v>
          </cell>
          <cell r="D178">
            <v>11</v>
          </cell>
          <cell r="E178" t="str">
            <v>3.1</v>
          </cell>
          <cell r="F178" t="str">
            <v>Francesco</v>
          </cell>
          <cell r="G178" t="str">
            <v>Appel à projet PITEM phase 2</v>
          </cell>
        </row>
        <row r="179">
          <cell r="C179">
            <v>3934</v>
          </cell>
          <cell r="D179">
            <v>10</v>
          </cell>
          <cell r="E179" t="str">
            <v>3.1</v>
          </cell>
          <cell r="F179" t="str">
            <v>Francesco</v>
          </cell>
          <cell r="G179" t="str">
            <v>Appel à projet PITEM phase 2</v>
          </cell>
        </row>
        <row r="180">
          <cell r="C180">
            <v>3936</v>
          </cell>
          <cell r="D180">
            <v>5</v>
          </cell>
          <cell r="E180" t="str">
            <v>3.1</v>
          </cell>
          <cell r="F180" t="str">
            <v>Cecilia</v>
          </cell>
          <cell r="G180" t="str">
            <v>Appel à projet PITER phase 2</v>
          </cell>
        </row>
        <row r="181">
          <cell r="C181">
            <v>3962</v>
          </cell>
          <cell r="D181">
            <v>8</v>
          </cell>
          <cell r="E181" t="str">
            <v>3.1</v>
          </cell>
          <cell r="F181" t="str">
            <v>Francesco</v>
          </cell>
          <cell r="G181" t="str">
            <v>Appel à projet PITEM phase 2</v>
          </cell>
        </row>
        <row r="182">
          <cell r="C182">
            <v>3967</v>
          </cell>
          <cell r="D182">
            <v>8</v>
          </cell>
          <cell r="E182" t="str">
            <v>3.1</v>
          </cell>
          <cell r="F182" t="str">
            <v>Francesco</v>
          </cell>
          <cell r="G182" t="str">
            <v>Appel à projet PITEM phase 2</v>
          </cell>
        </row>
        <row r="183">
          <cell r="C183">
            <v>3971</v>
          </cell>
          <cell r="D183">
            <v>9</v>
          </cell>
          <cell r="E183" t="str">
            <v>3.2</v>
          </cell>
          <cell r="F183" t="str">
            <v>Mattia</v>
          </cell>
          <cell r="G183" t="str">
            <v>Appel à projet PITEM phase 2</v>
          </cell>
        </row>
        <row r="184">
          <cell r="C184">
            <v>3990</v>
          </cell>
          <cell r="D184">
            <v>8</v>
          </cell>
          <cell r="E184" t="str">
            <v>2.2</v>
          </cell>
          <cell r="F184" t="str">
            <v>Maya</v>
          </cell>
          <cell r="G184" t="str">
            <v>Appel à projet PITEM phase 2</v>
          </cell>
        </row>
        <row r="185">
          <cell r="C185">
            <v>4007</v>
          </cell>
          <cell r="D185">
            <v>7</v>
          </cell>
          <cell r="E185" t="str">
            <v>3.1</v>
          </cell>
          <cell r="F185" t="str">
            <v>Mattia</v>
          </cell>
          <cell r="G185" t="str">
            <v>Appel à projet PITER phase 2</v>
          </cell>
        </row>
        <row r="186">
          <cell r="C186">
            <v>4009</v>
          </cell>
          <cell r="D186">
            <v>7</v>
          </cell>
          <cell r="E186" t="str">
            <v>3.1</v>
          </cell>
          <cell r="F186" t="str">
            <v>Mattia</v>
          </cell>
          <cell r="G186" t="str">
            <v>Appel à projet PITER phase 2</v>
          </cell>
        </row>
        <row r="187">
          <cell r="C187">
            <v>4071</v>
          </cell>
          <cell r="D187">
            <v>10</v>
          </cell>
          <cell r="E187" t="str">
            <v>1.1</v>
          </cell>
          <cell r="F187" t="str">
            <v>Alessandra</v>
          </cell>
          <cell r="G187" t="str">
            <v>Appel à projet PITEM phase 2</v>
          </cell>
        </row>
        <row r="188">
          <cell r="C188">
            <v>4072</v>
          </cell>
          <cell r="D188">
            <v>10</v>
          </cell>
          <cell r="E188" t="str">
            <v>1.1</v>
          </cell>
          <cell r="F188" t="str">
            <v>Alessandra</v>
          </cell>
          <cell r="G188" t="str">
            <v>Appel à projet PITEM phase 2</v>
          </cell>
        </row>
        <row r="189">
          <cell r="C189">
            <v>4073</v>
          </cell>
          <cell r="D189">
            <v>3</v>
          </cell>
          <cell r="E189" t="str">
            <v>1.1</v>
          </cell>
          <cell r="F189" t="str">
            <v>Mattia</v>
          </cell>
          <cell r="G189" t="str">
            <v>Appel à projet PITER phase 2</v>
          </cell>
        </row>
        <row r="190">
          <cell r="C190">
            <v>4078</v>
          </cell>
          <cell r="D190">
            <v>6</v>
          </cell>
          <cell r="E190" t="str">
            <v>3.1</v>
          </cell>
          <cell r="F190" t="str">
            <v>Maya</v>
          </cell>
          <cell r="G190" t="str">
            <v>Appel à projet PITER phase 2</v>
          </cell>
        </row>
        <row r="191">
          <cell r="C191">
            <v>4079</v>
          </cell>
          <cell r="D191">
            <v>7</v>
          </cell>
          <cell r="E191" t="str">
            <v>3.3</v>
          </cell>
          <cell r="F191" t="str">
            <v>Alessandra</v>
          </cell>
          <cell r="G191" t="str">
            <v>Appel à projet PITER phase 2</v>
          </cell>
        </row>
        <row r="192">
          <cell r="C192">
            <v>4080</v>
          </cell>
          <cell r="D192">
            <v>6</v>
          </cell>
          <cell r="E192" t="str">
            <v>2.2</v>
          </cell>
          <cell r="F192" t="str">
            <v>Alessandra</v>
          </cell>
          <cell r="G192" t="str">
            <v>Appel à projet PITER phase 2</v>
          </cell>
        </row>
        <row r="193">
          <cell r="C193">
            <v>4083</v>
          </cell>
          <cell r="D193">
            <v>5</v>
          </cell>
          <cell r="E193" t="str">
            <v>1.1</v>
          </cell>
          <cell r="F193" t="str">
            <v>Maya</v>
          </cell>
          <cell r="G193" t="str">
            <v>Appel à projet PITER phase 2</v>
          </cell>
        </row>
        <row r="194">
          <cell r="C194">
            <v>4095</v>
          </cell>
          <cell r="D194">
            <v>8</v>
          </cell>
          <cell r="E194" t="str">
            <v>2.2</v>
          </cell>
          <cell r="F194" t="str">
            <v>Maya</v>
          </cell>
          <cell r="G194" t="str">
            <v>Appel à projet PITER phase 2</v>
          </cell>
        </row>
        <row r="195">
          <cell r="C195">
            <v>4097</v>
          </cell>
          <cell r="D195">
            <v>5</v>
          </cell>
          <cell r="E195" t="str">
            <v>3.1</v>
          </cell>
          <cell r="F195" t="str">
            <v>Maya</v>
          </cell>
          <cell r="G195" t="str">
            <v>Appel à projet PITER phase 2</v>
          </cell>
        </row>
        <row r="196">
          <cell r="C196">
            <v>4100</v>
          </cell>
          <cell r="D196">
            <v>11</v>
          </cell>
          <cell r="E196" t="str">
            <v>3.1</v>
          </cell>
          <cell r="F196" t="str">
            <v>Francesco</v>
          </cell>
          <cell r="G196" t="str">
            <v>Appel à projet PITEM phase 2</v>
          </cell>
        </row>
        <row r="197">
          <cell r="C197">
            <v>4104</v>
          </cell>
          <cell r="D197">
            <v>6</v>
          </cell>
          <cell r="E197" t="str">
            <v>4.1</v>
          </cell>
          <cell r="F197" t="str">
            <v>Maya</v>
          </cell>
          <cell r="G197" t="str">
            <v>Appel à projet PITEM phase 2</v>
          </cell>
        </row>
        <row r="198">
          <cell r="C198">
            <v>4110</v>
          </cell>
          <cell r="D198">
            <v>7</v>
          </cell>
          <cell r="E198" t="str">
            <v>3.1</v>
          </cell>
          <cell r="F198" t="str">
            <v>Francesco</v>
          </cell>
          <cell r="G198" t="str">
            <v>Appel à projet PITEM phase 2</v>
          </cell>
        </row>
        <row r="199">
          <cell r="C199">
            <v>4128</v>
          </cell>
          <cell r="D199">
            <v>5</v>
          </cell>
          <cell r="E199" t="str">
            <v>4.1</v>
          </cell>
          <cell r="F199" t="str">
            <v>Maya</v>
          </cell>
          <cell r="G199" t="str">
            <v>Appel à projet PITEM phase 2</v>
          </cell>
        </row>
        <row r="200">
          <cell r="C200">
            <v>4166</v>
          </cell>
          <cell r="D200">
            <v>3</v>
          </cell>
          <cell r="E200" t="str">
            <v>1.2</v>
          </cell>
          <cell r="F200" t="str">
            <v>Maya</v>
          </cell>
          <cell r="G200" t="str">
            <v>Appel à projet PITER phase 2</v>
          </cell>
        </row>
        <row r="201">
          <cell r="C201">
            <v>4169</v>
          </cell>
          <cell r="D201">
            <v>3</v>
          </cell>
          <cell r="E201" t="str">
            <v>1.1</v>
          </cell>
          <cell r="F201" t="str">
            <v>Cecilia</v>
          </cell>
          <cell r="G201" t="str">
            <v>Appel à projet PITER phase 2</v>
          </cell>
        </row>
        <row r="202">
          <cell r="C202">
            <v>4170</v>
          </cell>
          <cell r="D202">
            <v>3</v>
          </cell>
          <cell r="E202" t="str">
            <v>3.1</v>
          </cell>
          <cell r="F202" t="str">
            <v>Cecilia</v>
          </cell>
          <cell r="G202" t="str">
            <v>Appel à projet PITER phase 2</v>
          </cell>
        </row>
        <row r="203">
          <cell r="C203">
            <v>4171</v>
          </cell>
          <cell r="D203">
            <v>5</v>
          </cell>
          <cell r="E203" t="str">
            <v>3.3</v>
          </cell>
          <cell r="F203" t="str">
            <v>Cecilia</v>
          </cell>
          <cell r="G203" t="str">
            <v>Appel à projet PITER phase 2</v>
          </cell>
        </row>
        <row r="204">
          <cell r="C204">
            <v>4176</v>
          </cell>
          <cell r="D204">
            <v>5</v>
          </cell>
          <cell r="E204" t="str">
            <v>3.1</v>
          </cell>
          <cell r="F204" t="str">
            <v>Maya</v>
          </cell>
          <cell r="G204" t="str">
            <v>Appel à projet PITER phase 2</v>
          </cell>
        </row>
        <row r="205">
          <cell r="C205">
            <v>4298</v>
          </cell>
          <cell r="D205">
            <v>6</v>
          </cell>
          <cell r="E205" t="str">
            <v>4.1</v>
          </cell>
          <cell r="F205" t="str">
            <v>Maya</v>
          </cell>
          <cell r="G205" t="str">
            <v>Appel à projet PITEM phase 2</v>
          </cell>
        </row>
        <row r="206">
          <cell r="C206">
            <v>4371</v>
          </cell>
          <cell r="D206">
            <v>3</v>
          </cell>
          <cell r="E206" t="str">
            <v>5.1</v>
          </cell>
          <cell r="F206" t="str">
            <v/>
          </cell>
          <cell r="G206" t="str">
            <v>Assistance technique</v>
          </cell>
        </row>
        <row r="207">
          <cell r="C207">
            <v>4510</v>
          </cell>
          <cell r="D207">
            <v>2</v>
          </cell>
          <cell r="E207" t="str">
            <v>5.2</v>
          </cell>
          <cell r="F207" t="str">
            <v/>
          </cell>
          <cell r="G207" t="str">
            <v>Assistance technique</v>
          </cell>
        </row>
        <row r="208">
          <cell r="C208">
            <v>4630</v>
          </cell>
          <cell r="D208">
            <v>5</v>
          </cell>
          <cell r="E208" t="str">
            <v>5.1</v>
          </cell>
          <cell r="F208" t="str">
            <v/>
          </cell>
          <cell r="G208" t="str">
            <v>Assistance technique</v>
          </cell>
        </row>
        <row r="209">
          <cell r="C209">
            <v>4655</v>
          </cell>
          <cell r="D209">
            <v>1</v>
          </cell>
          <cell r="E209" t="str">
            <v>5.1</v>
          </cell>
          <cell r="F209" t="str">
            <v/>
          </cell>
          <cell r="G209" t="str">
            <v>Assistance technique</v>
          </cell>
        </row>
        <row r="210">
          <cell r="C210">
            <v>4743</v>
          </cell>
          <cell r="D210">
            <v>4</v>
          </cell>
          <cell r="E210" t="str">
            <v>2.2</v>
          </cell>
          <cell r="F210" t="str">
            <v>Alessandra</v>
          </cell>
          <cell r="G210" t="str">
            <v xml:space="preserve">Appel à projet PITER phase 3 </v>
          </cell>
        </row>
        <row r="211">
          <cell r="C211">
            <v>4762</v>
          </cell>
          <cell r="D211">
            <v>4</v>
          </cell>
          <cell r="E211" t="str">
            <v>2.2</v>
          </cell>
          <cell r="F211" t="str">
            <v>Maya</v>
          </cell>
          <cell r="G211" t="str">
            <v xml:space="preserve">Appel à projet PITER phase 3 </v>
          </cell>
        </row>
        <row r="212">
          <cell r="C212">
            <v>4793</v>
          </cell>
          <cell r="D212">
            <v>7</v>
          </cell>
          <cell r="E212" t="str">
            <v>1.1</v>
          </cell>
          <cell r="F212" t="str">
            <v>Alessandra</v>
          </cell>
          <cell r="G212" t="str">
            <v xml:space="preserve">Appel à projet PITEM phase 3 </v>
          </cell>
        </row>
        <row r="213">
          <cell r="C213">
            <v>4836</v>
          </cell>
          <cell r="D213">
            <v>8</v>
          </cell>
          <cell r="E213" t="str">
            <v>3.1</v>
          </cell>
          <cell r="F213" t="str">
            <v>Francesco</v>
          </cell>
          <cell r="G213" t="str">
            <v xml:space="preserve">Appel à projet PITEM phase 3 </v>
          </cell>
        </row>
        <row r="214">
          <cell r="C214">
            <v>4839</v>
          </cell>
          <cell r="D214">
            <v>6</v>
          </cell>
          <cell r="E214" t="str">
            <v>3.1</v>
          </cell>
          <cell r="F214" t="str">
            <v>Cecilia</v>
          </cell>
          <cell r="G214" t="str">
            <v xml:space="preserve">Appel à projet PITER phase 3 </v>
          </cell>
        </row>
        <row r="215">
          <cell r="C215">
            <v>4882</v>
          </cell>
          <cell r="D215">
            <v>3</v>
          </cell>
          <cell r="E215" t="str">
            <v>5.1</v>
          </cell>
          <cell r="F215" t="str">
            <v/>
          </cell>
          <cell r="G215" t="str">
            <v>Assistance technique</v>
          </cell>
        </row>
        <row r="216">
          <cell r="C216">
            <v>4892</v>
          </cell>
          <cell r="D216">
            <v>3</v>
          </cell>
          <cell r="E216" t="str">
            <v>5.2</v>
          </cell>
          <cell r="F216" t="str">
            <v/>
          </cell>
          <cell r="G216" t="str">
            <v>Assistance technique</v>
          </cell>
        </row>
        <row r="217">
          <cell r="C217">
            <v>4899</v>
          </cell>
          <cell r="D217">
            <v>2</v>
          </cell>
          <cell r="E217" t="str">
            <v>5.1</v>
          </cell>
          <cell r="F217" t="str">
            <v/>
          </cell>
          <cell r="G217" t="str">
            <v>Assistance technique</v>
          </cell>
        </row>
        <row r="218">
          <cell r="C218">
            <v>4905</v>
          </cell>
          <cell r="D218">
            <v>2</v>
          </cell>
          <cell r="E218" t="str">
            <v>5.1</v>
          </cell>
          <cell r="F218" t="str">
            <v/>
          </cell>
          <cell r="G218" t="str">
            <v>Assistance technique</v>
          </cell>
        </row>
        <row r="219">
          <cell r="C219">
            <v>4906</v>
          </cell>
          <cell r="D219">
            <v>3</v>
          </cell>
          <cell r="E219" t="str">
            <v>5.1</v>
          </cell>
          <cell r="F219" t="str">
            <v/>
          </cell>
          <cell r="G219" t="str">
            <v>Assistance technique</v>
          </cell>
        </row>
        <row r="220">
          <cell r="C220">
            <v>4912</v>
          </cell>
          <cell r="D220">
            <v>2</v>
          </cell>
          <cell r="E220" t="str">
            <v>5.1</v>
          </cell>
          <cell r="F220" t="str">
            <v/>
          </cell>
          <cell r="G220" t="str">
            <v>Assistance technique</v>
          </cell>
        </row>
        <row r="221">
          <cell r="C221">
            <v>4913</v>
          </cell>
          <cell r="D221">
            <v>9</v>
          </cell>
          <cell r="E221" t="str">
            <v>3.1</v>
          </cell>
          <cell r="F221" t="str">
            <v>Francesco</v>
          </cell>
          <cell r="G221" t="str">
            <v xml:space="preserve">Appel à projet PITEM phase 3 </v>
          </cell>
        </row>
        <row r="222">
          <cell r="C222">
            <v>4926</v>
          </cell>
          <cell r="D222">
            <v>2</v>
          </cell>
          <cell r="E222" t="str">
            <v>5.1</v>
          </cell>
          <cell r="F222" t="str">
            <v/>
          </cell>
          <cell r="G222" t="str">
            <v>Assistance technique</v>
          </cell>
        </row>
        <row r="223">
          <cell r="C223">
            <v>4927</v>
          </cell>
          <cell r="D223">
            <v>4</v>
          </cell>
          <cell r="E223" t="str">
            <v>5.1</v>
          </cell>
          <cell r="F223" t="str">
            <v/>
          </cell>
          <cell r="G223" t="str">
            <v>Assistance technique</v>
          </cell>
        </row>
        <row r="224">
          <cell r="C224">
            <v>4930</v>
          </cell>
          <cell r="D224">
            <v>3</v>
          </cell>
          <cell r="E224" t="str">
            <v>5.1</v>
          </cell>
          <cell r="F224" t="str">
            <v/>
          </cell>
          <cell r="G224" t="str">
            <v>Assistance technique</v>
          </cell>
        </row>
        <row r="225">
          <cell r="C225">
            <v>4942</v>
          </cell>
          <cell r="D225">
            <v>2</v>
          </cell>
          <cell r="E225" t="str">
            <v>5.1</v>
          </cell>
          <cell r="F225" t="str">
            <v/>
          </cell>
          <cell r="G225" t="str">
            <v>Assistance technique</v>
          </cell>
        </row>
        <row r="226">
          <cell r="C226">
            <v>4943</v>
          </cell>
          <cell r="D226">
            <v>3</v>
          </cell>
          <cell r="E226" t="str">
            <v>5.1</v>
          </cell>
          <cell r="F226" t="str">
            <v/>
          </cell>
          <cell r="G226" t="str">
            <v>Assistance technique</v>
          </cell>
        </row>
        <row r="227">
          <cell r="C227">
            <v>4945</v>
          </cell>
          <cell r="D227">
            <v>6</v>
          </cell>
          <cell r="E227" t="str">
            <v>2.1</v>
          </cell>
          <cell r="F227" t="str">
            <v>Mattia</v>
          </cell>
          <cell r="G227" t="str">
            <v xml:space="preserve">Appel à projet PITER phase 3 </v>
          </cell>
        </row>
        <row r="228">
          <cell r="C228">
            <v>4946</v>
          </cell>
          <cell r="D228">
            <v>3</v>
          </cell>
          <cell r="E228" t="str">
            <v>5.2</v>
          </cell>
          <cell r="F228" t="str">
            <v/>
          </cell>
          <cell r="G228" t="str">
            <v>Assistance technique</v>
          </cell>
        </row>
        <row r="229">
          <cell r="C229">
            <v>4949</v>
          </cell>
          <cell r="D229">
            <v>2</v>
          </cell>
          <cell r="E229" t="str">
            <v>5.1</v>
          </cell>
          <cell r="F229" t="str">
            <v/>
          </cell>
          <cell r="G229" t="str">
            <v>Assistance technique</v>
          </cell>
        </row>
        <row r="230">
          <cell r="C230">
            <v>4951</v>
          </cell>
          <cell r="D230">
            <v>6</v>
          </cell>
          <cell r="E230" t="str">
            <v>4.1</v>
          </cell>
          <cell r="F230" t="str">
            <v>Cecilia</v>
          </cell>
          <cell r="G230" t="str">
            <v xml:space="preserve">Appel à projet PITER phase 3 </v>
          </cell>
        </row>
        <row r="231">
          <cell r="C231">
            <v>4980</v>
          </cell>
          <cell r="D231">
            <v>7</v>
          </cell>
          <cell r="E231" t="str">
            <v>2.2</v>
          </cell>
          <cell r="F231" t="str">
            <v>Maya</v>
          </cell>
          <cell r="G231" t="str">
            <v xml:space="preserve">Appel à projet PITEM phase 3 </v>
          </cell>
        </row>
        <row r="232">
          <cell r="C232">
            <v>5031</v>
          </cell>
          <cell r="D232">
            <v>4</v>
          </cell>
          <cell r="E232" t="str">
            <v>1.1</v>
          </cell>
          <cell r="F232" t="str">
            <v>Alessandra</v>
          </cell>
          <cell r="G232" t="str">
            <v xml:space="preserve">Appel à projet PITER phase 3 </v>
          </cell>
        </row>
        <row r="233">
          <cell r="C233">
            <v>5106</v>
          </cell>
          <cell r="D233">
            <v>3</v>
          </cell>
          <cell r="E233" t="str">
            <v>4.1</v>
          </cell>
          <cell r="F233" t="str">
            <v>Maya</v>
          </cell>
          <cell r="G233" t="str">
            <v xml:space="preserve">Appel à projet PITEM phase 3 </v>
          </cell>
        </row>
        <row r="234">
          <cell r="C234">
            <v>5162</v>
          </cell>
          <cell r="D234">
            <v>7</v>
          </cell>
          <cell r="E234" t="str">
            <v>4.1</v>
          </cell>
          <cell r="F234" t="str">
            <v>Maya</v>
          </cell>
          <cell r="G234" t="str">
            <v xml:space="preserve">Appel à projet PITEM phase 3 </v>
          </cell>
        </row>
        <row r="235">
          <cell r="C235">
            <v>5163</v>
          </cell>
          <cell r="D235">
            <v>5</v>
          </cell>
          <cell r="E235" t="str">
            <v>4.1</v>
          </cell>
          <cell r="F235" t="str">
            <v>Maya</v>
          </cell>
          <cell r="G235" t="str">
            <v xml:space="preserve">Appel à projet PITER phase 3 </v>
          </cell>
        </row>
        <row r="236">
          <cell r="C236">
            <v>5174</v>
          </cell>
          <cell r="D236">
            <v>3</v>
          </cell>
          <cell r="E236" t="str">
            <v>2.2</v>
          </cell>
          <cell r="F236" t="str">
            <v>Maya</v>
          </cell>
          <cell r="G236" t="str">
            <v xml:space="preserve">Appel à projet PITER phase 3 </v>
          </cell>
        </row>
        <row r="237">
          <cell r="C237">
            <v>5194</v>
          </cell>
          <cell r="D237">
            <v>7</v>
          </cell>
          <cell r="E237" t="str">
            <v>3.2</v>
          </cell>
          <cell r="F237" t="str">
            <v>Mattia</v>
          </cell>
          <cell r="G237" t="str">
            <v xml:space="preserve">Appel à projet PITEM phase 3 </v>
          </cell>
        </row>
        <row r="238">
          <cell r="C238">
            <v>5201</v>
          </cell>
          <cell r="D238">
            <v>6</v>
          </cell>
          <cell r="E238" t="str">
            <v>3.3</v>
          </cell>
          <cell r="F238" t="str">
            <v>Mattia</v>
          </cell>
          <cell r="G238" t="str">
            <v xml:space="preserve">Appel à projet PITER phase 3 </v>
          </cell>
        </row>
        <row r="239">
          <cell r="C239">
            <v>5217</v>
          </cell>
          <cell r="D239">
            <v>6</v>
          </cell>
          <cell r="E239" t="str">
            <v>3.2</v>
          </cell>
          <cell r="F239" t="str">
            <v>Mattia</v>
          </cell>
          <cell r="G239" t="str">
            <v xml:space="preserve">Appel à projet PITEM phase 3 </v>
          </cell>
        </row>
        <row r="240">
          <cell r="C240">
            <v>5340</v>
          </cell>
          <cell r="D240">
            <v>4</v>
          </cell>
          <cell r="E240" t="str">
            <v>1.1</v>
          </cell>
          <cell r="F240" t="str">
            <v>Alessandra</v>
          </cell>
          <cell r="G240" t="str">
            <v xml:space="preserve">Appel à projet PITEM phase 3 </v>
          </cell>
        </row>
        <row r="241">
          <cell r="C241">
            <v>5593</v>
          </cell>
          <cell r="D241">
            <v>5</v>
          </cell>
          <cell r="E241" t="str">
            <v>4.2</v>
          </cell>
          <cell r="F241" t="str">
            <v>Maya</v>
          </cell>
          <cell r="G241" t="str">
            <v xml:space="preserve">Appel à projet PITER phase 3 </v>
          </cell>
        </row>
        <row r="242">
          <cell r="C242">
            <v>5645</v>
          </cell>
          <cell r="D242">
            <v>6</v>
          </cell>
          <cell r="E242" t="str">
            <v>4.2</v>
          </cell>
          <cell r="F242" t="str">
            <v>Francesco</v>
          </cell>
          <cell r="G242" t="str">
            <v>3ème appel à projets</v>
          </cell>
        </row>
        <row r="243">
          <cell r="C243">
            <v>5660</v>
          </cell>
          <cell r="D243">
            <v>8</v>
          </cell>
          <cell r="E243" t="str">
            <v>3.1</v>
          </cell>
          <cell r="F243" t="str">
            <v>Francesco</v>
          </cell>
          <cell r="G243" t="str">
            <v xml:space="preserve">Appel à projet PITEM phase 3 </v>
          </cell>
        </row>
        <row r="244">
          <cell r="C244">
            <v>5665</v>
          </cell>
          <cell r="D244">
            <v>4</v>
          </cell>
          <cell r="E244" t="str">
            <v>4.2</v>
          </cell>
          <cell r="F244" t="str">
            <v>Cecilia</v>
          </cell>
          <cell r="G244" t="str">
            <v>3ème appel à projets</v>
          </cell>
        </row>
        <row r="245">
          <cell r="C245">
            <v>5685</v>
          </cell>
          <cell r="D245">
            <v>12</v>
          </cell>
          <cell r="E245" t="str">
            <v>4.2</v>
          </cell>
          <cell r="F245" t="str">
            <v>Cecilia</v>
          </cell>
          <cell r="G245" t="str">
            <v>3ème appel à projets</v>
          </cell>
        </row>
        <row r="246">
          <cell r="C246">
            <v>5686</v>
          </cell>
          <cell r="D246">
            <v>1</v>
          </cell>
          <cell r="E246" t="str">
            <v>4.2</v>
          </cell>
          <cell r="G246" t="str">
            <v>3ème appel à projets</v>
          </cell>
        </row>
        <row r="247">
          <cell r="C247">
            <v>5698</v>
          </cell>
          <cell r="D247">
            <v>1</v>
          </cell>
          <cell r="E247" t="str">
            <v>4.2</v>
          </cell>
          <cell r="G247" t="str">
            <v>3ème appel à projets</v>
          </cell>
        </row>
        <row r="248">
          <cell r="C248">
            <v>5809</v>
          </cell>
          <cell r="D248">
            <v>1</v>
          </cell>
          <cell r="E248" t="str">
            <v>4.2</v>
          </cell>
          <cell r="G248" t="str">
            <v>3ème appel à projets</v>
          </cell>
        </row>
        <row r="249">
          <cell r="C249">
            <v>5810</v>
          </cell>
          <cell r="D249">
            <v>4</v>
          </cell>
          <cell r="E249" t="str">
            <v>4.2</v>
          </cell>
          <cell r="F249" t="str">
            <v>Mattia</v>
          </cell>
          <cell r="G249" t="str">
            <v>3ème appel à projets</v>
          </cell>
        </row>
        <row r="250">
          <cell r="C250">
            <v>5814</v>
          </cell>
          <cell r="D250">
            <v>1</v>
          </cell>
          <cell r="E250" t="str">
            <v>4.2</v>
          </cell>
          <cell r="G250" t="str">
            <v>3ème appel à projets</v>
          </cell>
        </row>
        <row r="251">
          <cell r="C251">
            <v>5819</v>
          </cell>
          <cell r="D251">
            <v>1</v>
          </cell>
          <cell r="E251" t="str">
            <v>4.2</v>
          </cell>
          <cell r="G251" t="str">
            <v>3ème appel à projets</v>
          </cell>
        </row>
        <row r="252">
          <cell r="C252">
            <v>5820</v>
          </cell>
          <cell r="D252">
            <v>1</v>
          </cell>
          <cell r="E252" t="str">
            <v>4.2</v>
          </cell>
          <cell r="G252" t="str">
            <v>3ème appel à projets</v>
          </cell>
        </row>
        <row r="253">
          <cell r="C253">
            <v>5822</v>
          </cell>
          <cell r="D253">
            <v>2</v>
          </cell>
          <cell r="E253" t="str">
            <v>4.2</v>
          </cell>
          <cell r="F253" t="str">
            <v>Francesco</v>
          </cell>
          <cell r="G253" t="str">
            <v>3ème appel à projets</v>
          </cell>
        </row>
        <row r="254">
          <cell r="C254">
            <v>5825</v>
          </cell>
          <cell r="D254">
            <v>3</v>
          </cell>
          <cell r="E254" t="str">
            <v>4.2</v>
          </cell>
          <cell r="F254" t="str">
            <v>Francesco</v>
          </cell>
          <cell r="G254" t="str">
            <v>3ème appel à projets</v>
          </cell>
        </row>
        <row r="255">
          <cell r="C255">
            <v>5829</v>
          </cell>
          <cell r="D255">
            <v>1</v>
          </cell>
          <cell r="E255" t="str">
            <v>4.2</v>
          </cell>
          <cell r="G255" t="str">
            <v>3ème appel à projets</v>
          </cell>
        </row>
        <row r="256">
          <cell r="C256">
            <v>5830</v>
          </cell>
          <cell r="D256">
            <v>1</v>
          </cell>
          <cell r="E256" t="str">
            <v>4.2</v>
          </cell>
          <cell r="G256" t="str">
            <v>3ème appel à projets</v>
          </cell>
        </row>
        <row r="257">
          <cell r="C257">
            <v>5846</v>
          </cell>
          <cell r="D257">
            <v>1</v>
          </cell>
          <cell r="E257" t="str">
            <v>4.2</v>
          </cell>
          <cell r="G257" t="str">
            <v>3ème appel à projets</v>
          </cell>
        </row>
        <row r="258">
          <cell r="C258">
            <v>5849</v>
          </cell>
          <cell r="D258">
            <v>6</v>
          </cell>
          <cell r="E258" t="str">
            <v>4.2</v>
          </cell>
          <cell r="F258" t="str">
            <v>Alessandra</v>
          </cell>
          <cell r="G258" t="str">
            <v>3ème appel à projets</v>
          </cell>
        </row>
        <row r="259">
          <cell r="C259">
            <v>5877</v>
          </cell>
          <cell r="D259">
            <v>1</v>
          </cell>
          <cell r="E259" t="str">
            <v>4.2</v>
          </cell>
          <cell r="G259" t="str">
            <v>3ème appel à projets</v>
          </cell>
        </row>
        <row r="260">
          <cell r="C260">
            <v>5881</v>
          </cell>
          <cell r="D260">
            <v>1</v>
          </cell>
          <cell r="E260" t="str">
            <v>4.2</v>
          </cell>
          <cell r="G260" t="str">
            <v>3ème appel à projets</v>
          </cell>
        </row>
        <row r="261">
          <cell r="C261">
            <v>5897</v>
          </cell>
          <cell r="D261">
            <v>1</v>
          </cell>
          <cell r="E261" t="str">
            <v>4.2</v>
          </cell>
          <cell r="G261" t="str">
            <v>3ème appel à projets</v>
          </cell>
        </row>
        <row r="262">
          <cell r="C262">
            <v>5915</v>
          </cell>
          <cell r="D262">
            <v>1</v>
          </cell>
          <cell r="E262" t="str">
            <v>4.2</v>
          </cell>
          <cell r="G262" t="str">
            <v>3ème appel à projets</v>
          </cell>
        </row>
        <row r="263">
          <cell r="C263">
            <v>5983</v>
          </cell>
          <cell r="D263">
            <v>2</v>
          </cell>
          <cell r="E263" t="str">
            <v>5.1</v>
          </cell>
          <cell r="F263" t="str">
            <v/>
          </cell>
          <cell r="G263" t="str">
            <v>Assistance technique</v>
          </cell>
        </row>
        <row r="264">
          <cell r="C264">
            <v>6248</v>
          </cell>
          <cell r="D264">
            <v>2</v>
          </cell>
          <cell r="E264" t="str">
            <v>5.2</v>
          </cell>
          <cell r="F264" t="str">
            <v/>
          </cell>
          <cell r="G264" t="str">
            <v>Assistance technique</v>
          </cell>
        </row>
        <row r="265">
          <cell r="C265">
            <v>6531</v>
          </cell>
          <cell r="D265">
            <v>3</v>
          </cell>
          <cell r="E265" t="str">
            <v>5.1</v>
          </cell>
          <cell r="F265" t="str">
            <v/>
          </cell>
          <cell r="G265" t="str">
            <v>Assistance technique</v>
          </cell>
        </row>
        <row r="266">
          <cell r="C266">
            <v>6562</v>
          </cell>
          <cell r="D266">
            <v>2</v>
          </cell>
          <cell r="E266" t="str">
            <v>5.1</v>
          </cell>
          <cell r="F266" t="str">
            <v/>
          </cell>
          <cell r="G266" t="str">
            <v>Assistance technique</v>
          </cell>
        </row>
        <row r="267">
          <cell r="C267">
            <v>6579</v>
          </cell>
          <cell r="D267">
            <v>2</v>
          </cell>
          <cell r="E267" t="str">
            <v>5.1</v>
          </cell>
          <cell r="F267" t="str">
            <v/>
          </cell>
          <cell r="G267" t="str">
            <v>Assistance technique</v>
          </cell>
        </row>
        <row r="268">
          <cell r="C268">
            <v>6816</v>
          </cell>
          <cell r="D268">
            <v>3</v>
          </cell>
          <cell r="E268" t="str">
            <v>5.1</v>
          </cell>
          <cell r="F268" t="str">
            <v/>
          </cell>
          <cell r="G268" t="str">
            <v>Assistance technique</v>
          </cell>
        </row>
        <row r="269">
          <cell r="C269">
            <v>6831</v>
          </cell>
          <cell r="D269">
            <v>4</v>
          </cell>
          <cell r="E269" t="str">
            <v>5.1</v>
          </cell>
          <cell r="F269" t="str">
            <v/>
          </cell>
          <cell r="G269" t="str">
            <v>Assistance technique</v>
          </cell>
        </row>
        <row r="270">
          <cell r="C270">
            <v>7408</v>
          </cell>
          <cell r="D270">
            <v>3</v>
          </cell>
          <cell r="E270" t="str">
            <v>5.1</v>
          </cell>
          <cell r="F270" t="str">
            <v/>
          </cell>
          <cell r="G270" t="str">
            <v>Assistance technique</v>
          </cell>
        </row>
        <row r="271">
          <cell r="C271">
            <v>8034</v>
          </cell>
          <cell r="D271">
            <v>2</v>
          </cell>
          <cell r="E271" t="str">
            <v>5.1</v>
          </cell>
          <cell r="F271" t="str">
            <v/>
          </cell>
          <cell r="G271" t="str">
            <v>Assistance technique</v>
          </cell>
        </row>
        <row r="272">
          <cell r="C272">
            <v>8263</v>
          </cell>
          <cell r="D272">
            <v>3</v>
          </cell>
          <cell r="E272" t="str">
            <v>5.1</v>
          </cell>
          <cell r="F272" t="str">
            <v/>
          </cell>
          <cell r="G272" t="str">
            <v>Assistance technique</v>
          </cell>
        </row>
        <row r="273">
          <cell r="C273">
            <v>8269</v>
          </cell>
          <cell r="D273">
            <v>2</v>
          </cell>
          <cell r="E273" t="str">
            <v>5.2</v>
          </cell>
          <cell r="F273" t="str">
            <v/>
          </cell>
          <cell r="G273" t="str">
            <v>Assistance technique</v>
          </cell>
        </row>
        <row r="274">
          <cell r="C274">
            <v>8336</v>
          </cell>
          <cell r="D274">
            <v>7</v>
          </cell>
          <cell r="E274" t="str">
            <v>1.1</v>
          </cell>
          <cell r="F274" t="str">
            <v>Mattia</v>
          </cell>
          <cell r="G274" t="str">
            <v>ALCOTRA Projets</v>
          </cell>
        </row>
        <row r="275">
          <cell r="C275">
            <v>8355</v>
          </cell>
          <cell r="D275">
            <v>1</v>
          </cell>
          <cell r="E275" t="str">
            <v>1.1</v>
          </cell>
          <cell r="G275" t="str">
            <v>ALCOTRA Relance</v>
          </cell>
        </row>
        <row r="276">
          <cell r="C276">
            <v>8358</v>
          </cell>
          <cell r="D276">
            <v>1</v>
          </cell>
          <cell r="E276" t="str">
            <v>1.1</v>
          </cell>
          <cell r="G276" t="str">
            <v>ALCOTRA Projets</v>
          </cell>
        </row>
        <row r="277">
          <cell r="C277">
            <v>8377</v>
          </cell>
          <cell r="D277">
            <v>1</v>
          </cell>
          <cell r="E277" t="str">
            <v>3.1</v>
          </cell>
          <cell r="G277" t="str">
            <v>ALCOTRA Projets</v>
          </cell>
        </row>
        <row r="278">
          <cell r="C278">
            <v>8378</v>
          </cell>
          <cell r="D278">
            <v>1</v>
          </cell>
          <cell r="E278" t="str">
            <v>3.1</v>
          </cell>
          <cell r="G278" t="str">
            <v>ALCOTRA Relance</v>
          </cell>
        </row>
        <row r="279">
          <cell r="C279">
            <v>8380</v>
          </cell>
          <cell r="D279">
            <v>3</v>
          </cell>
          <cell r="E279" t="str">
            <v>3.1</v>
          </cell>
          <cell r="F279" t="str">
            <v>Francesco</v>
          </cell>
          <cell r="G279" t="str">
            <v>ALCOTRA Projets</v>
          </cell>
        </row>
        <row r="280">
          <cell r="C280">
            <v>8384</v>
          </cell>
          <cell r="D280">
            <v>1</v>
          </cell>
          <cell r="E280" t="str">
            <v>3.1</v>
          </cell>
          <cell r="G280" t="str">
            <v>ALCOTRA Projets</v>
          </cell>
        </row>
        <row r="281">
          <cell r="C281">
            <v>8398</v>
          </cell>
          <cell r="D281">
            <v>4</v>
          </cell>
          <cell r="E281" t="str">
            <v>3.1</v>
          </cell>
          <cell r="F281" t="str">
            <v>Mattia</v>
          </cell>
          <cell r="G281" t="str">
            <v>ALCOTRA Projets</v>
          </cell>
        </row>
        <row r="282">
          <cell r="C282">
            <v>8411</v>
          </cell>
          <cell r="D282">
            <v>1</v>
          </cell>
          <cell r="E282" t="str">
            <v>4.2</v>
          </cell>
          <cell r="G282" t="str">
            <v>ALCOTRA Relance</v>
          </cell>
        </row>
        <row r="283">
          <cell r="C283">
            <v>8422</v>
          </cell>
          <cell r="D283">
            <v>1</v>
          </cell>
          <cell r="E283" t="str">
            <v>3.3</v>
          </cell>
          <cell r="G283" t="str">
            <v>ALCOTRA Projets</v>
          </cell>
        </row>
        <row r="284">
          <cell r="C284">
            <v>8427</v>
          </cell>
          <cell r="D284">
            <v>1</v>
          </cell>
          <cell r="E284" t="str">
            <v>3.1</v>
          </cell>
          <cell r="G284" t="str">
            <v>ALCOTRA Projets</v>
          </cell>
        </row>
        <row r="285">
          <cell r="C285">
            <v>8428</v>
          </cell>
          <cell r="D285">
            <v>4</v>
          </cell>
          <cell r="E285" t="str">
            <v>3.3</v>
          </cell>
          <cell r="F285" t="str">
            <v>Francesco</v>
          </cell>
          <cell r="G285" t="str">
            <v>ALCOTRA Projets</v>
          </cell>
        </row>
        <row r="286">
          <cell r="C286">
            <v>8435</v>
          </cell>
          <cell r="D286">
            <v>3</v>
          </cell>
          <cell r="E286" t="str">
            <v>3.2</v>
          </cell>
          <cell r="F286" t="str">
            <v>Mattia</v>
          </cell>
          <cell r="G286" t="str">
            <v>ALCOTRA Projets</v>
          </cell>
        </row>
        <row r="287">
          <cell r="C287">
            <v>8443</v>
          </cell>
          <cell r="D287">
            <v>5</v>
          </cell>
          <cell r="E287" t="str">
            <v>3.1</v>
          </cell>
          <cell r="F287" t="str">
            <v>Alessandra</v>
          </cell>
          <cell r="G287" t="str">
            <v>ALCOTRA Relance</v>
          </cell>
        </row>
        <row r="288">
          <cell r="C288">
            <v>8448</v>
          </cell>
          <cell r="D288">
            <v>4</v>
          </cell>
          <cell r="E288" t="str">
            <v>1.1</v>
          </cell>
          <cell r="F288" t="str">
            <v>Mattia</v>
          </cell>
          <cell r="G288" t="str">
            <v>ALCOTRA Projets</v>
          </cell>
        </row>
        <row r="289">
          <cell r="C289">
            <v>8452</v>
          </cell>
          <cell r="D289">
            <v>1</v>
          </cell>
          <cell r="E289" t="str">
            <v>3.1</v>
          </cell>
          <cell r="G289" t="str">
            <v>ALCOTRA Projets</v>
          </cell>
        </row>
        <row r="290">
          <cell r="C290">
            <v>8462</v>
          </cell>
          <cell r="D290">
            <v>1</v>
          </cell>
          <cell r="E290" t="str">
            <v>4.2</v>
          </cell>
          <cell r="G290" t="str">
            <v>ALCOTRA Projets</v>
          </cell>
        </row>
        <row r="291">
          <cell r="C291">
            <v>8466</v>
          </cell>
          <cell r="D291">
            <v>1</v>
          </cell>
          <cell r="E291" t="str">
            <v>3.1</v>
          </cell>
          <cell r="G291" t="str">
            <v>ALCOTRA Projets</v>
          </cell>
        </row>
        <row r="292">
          <cell r="C292">
            <v>8467</v>
          </cell>
          <cell r="D292">
            <v>3</v>
          </cell>
          <cell r="E292" t="str">
            <v>4.2</v>
          </cell>
          <cell r="F292" t="str">
            <v>Francesco</v>
          </cell>
          <cell r="G292" t="str">
            <v>ALCOTRA Relance</v>
          </cell>
        </row>
        <row r="293">
          <cell r="C293">
            <v>8471</v>
          </cell>
          <cell r="D293">
            <v>1</v>
          </cell>
          <cell r="E293" t="str">
            <v>3.1</v>
          </cell>
          <cell r="G293" t="str">
            <v>ALCOTRA Projets</v>
          </cell>
        </row>
        <row r="294">
          <cell r="C294">
            <v>8473</v>
          </cell>
          <cell r="D294">
            <v>1</v>
          </cell>
          <cell r="E294" t="str">
            <v>3.1</v>
          </cell>
          <cell r="G294" t="str">
            <v>ALCOTRA Relance</v>
          </cell>
        </row>
        <row r="295">
          <cell r="C295">
            <v>8475</v>
          </cell>
          <cell r="D295">
            <v>4</v>
          </cell>
          <cell r="E295" t="str">
            <v>3.1</v>
          </cell>
          <cell r="F295" t="str">
            <v>Francesco</v>
          </cell>
          <cell r="G295" t="str">
            <v>ALCOTRA Projets</v>
          </cell>
        </row>
        <row r="296">
          <cell r="C296">
            <v>8477</v>
          </cell>
          <cell r="D296">
            <v>1</v>
          </cell>
          <cell r="E296" t="str">
            <v>4.2</v>
          </cell>
          <cell r="G296" t="str">
            <v>ALCOTRA Projets</v>
          </cell>
        </row>
        <row r="297">
          <cell r="C297">
            <v>8480</v>
          </cell>
          <cell r="D297">
            <v>4</v>
          </cell>
          <cell r="E297" t="str">
            <v>3.1</v>
          </cell>
          <cell r="F297" t="str">
            <v>Francesco</v>
          </cell>
          <cell r="G297" t="str">
            <v>ALCOTRA Relance</v>
          </cell>
        </row>
        <row r="298">
          <cell r="C298">
            <v>8482</v>
          </cell>
          <cell r="D298">
            <v>4</v>
          </cell>
          <cell r="E298" t="str">
            <v>3.1</v>
          </cell>
          <cell r="F298" t="str">
            <v>Francesco</v>
          </cell>
          <cell r="G298" t="str">
            <v>ALCOTRA Relance</v>
          </cell>
        </row>
        <row r="299">
          <cell r="C299">
            <v>8483</v>
          </cell>
          <cell r="D299">
            <v>1</v>
          </cell>
          <cell r="E299" t="str">
            <v>1.2</v>
          </cell>
          <cell r="G299" t="str">
            <v>ALCOTRA Relance</v>
          </cell>
        </row>
        <row r="300">
          <cell r="C300">
            <v>8486</v>
          </cell>
          <cell r="D300">
            <v>3</v>
          </cell>
          <cell r="E300" t="str">
            <v>3.1</v>
          </cell>
          <cell r="F300" t="str">
            <v>Alessandra</v>
          </cell>
          <cell r="G300" t="str">
            <v>ALCOTRA Relance</v>
          </cell>
        </row>
        <row r="301">
          <cell r="C301">
            <v>8488</v>
          </cell>
          <cell r="D301">
            <v>3</v>
          </cell>
          <cell r="E301" t="str">
            <v>3.1</v>
          </cell>
          <cell r="F301" t="str">
            <v>Alessandra</v>
          </cell>
          <cell r="G301" t="str">
            <v>ALCOTRA Projets</v>
          </cell>
        </row>
        <row r="302">
          <cell r="C302">
            <v>8489</v>
          </cell>
          <cell r="D302">
            <v>1</v>
          </cell>
          <cell r="E302" t="str">
            <v>2.1</v>
          </cell>
          <cell r="G302" t="str">
            <v>ALCOTRA Relance</v>
          </cell>
        </row>
        <row r="303">
          <cell r="C303">
            <v>8491</v>
          </cell>
          <cell r="D303">
            <v>1</v>
          </cell>
          <cell r="E303" t="str">
            <v>2.1</v>
          </cell>
          <cell r="G303" t="str">
            <v>ALCOTRA Projets</v>
          </cell>
        </row>
        <row r="304">
          <cell r="C304">
            <v>8499</v>
          </cell>
          <cell r="D304">
            <v>1</v>
          </cell>
          <cell r="E304" t="str">
            <v>3.1</v>
          </cell>
          <cell r="G304" t="str">
            <v>ALCOTRA Projets</v>
          </cell>
        </row>
        <row r="305">
          <cell r="C305">
            <v>8500</v>
          </cell>
          <cell r="D305">
            <v>2</v>
          </cell>
          <cell r="E305" t="str">
            <v>3.1</v>
          </cell>
          <cell r="F305" t="str">
            <v>Alessandra</v>
          </cell>
          <cell r="G305" t="str">
            <v>ALCOTRA Projets</v>
          </cell>
        </row>
        <row r="306">
          <cell r="C306">
            <v>8501</v>
          </cell>
          <cell r="D306">
            <v>1</v>
          </cell>
          <cell r="E306" t="str">
            <v>1.1</v>
          </cell>
          <cell r="G306" t="str">
            <v>ALCOTRA Projets</v>
          </cell>
        </row>
        <row r="307">
          <cell r="C307">
            <v>8502</v>
          </cell>
          <cell r="D307">
            <v>3</v>
          </cell>
          <cell r="E307" t="str">
            <v>3.1</v>
          </cell>
          <cell r="F307" t="str">
            <v>Francesco</v>
          </cell>
          <cell r="G307" t="str">
            <v>ALCOTRA Projets</v>
          </cell>
        </row>
        <row r="308">
          <cell r="C308">
            <v>8503</v>
          </cell>
          <cell r="D308">
            <v>4</v>
          </cell>
          <cell r="E308" t="str">
            <v>3.1</v>
          </cell>
          <cell r="F308" t="str">
            <v>Francesco</v>
          </cell>
          <cell r="G308" t="str">
            <v>ALCOTRA Relance</v>
          </cell>
        </row>
        <row r="309">
          <cell r="C309">
            <v>8504</v>
          </cell>
          <cell r="D309">
            <v>5</v>
          </cell>
          <cell r="E309" t="str">
            <v>2.2</v>
          </cell>
          <cell r="F309" t="str">
            <v>Mattia</v>
          </cell>
          <cell r="G309" t="str">
            <v>ALCOTRA Relance</v>
          </cell>
        </row>
        <row r="310">
          <cell r="C310">
            <v>8506</v>
          </cell>
          <cell r="D310">
            <v>1</v>
          </cell>
          <cell r="E310" t="str">
            <v>3.1</v>
          </cell>
          <cell r="G310" t="str">
            <v>ALCOTRA Relance</v>
          </cell>
        </row>
        <row r="311">
          <cell r="C311">
            <v>8509</v>
          </cell>
          <cell r="D311">
            <v>1</v>
          </cell>
          <cell r="E311" t="str">
            <v>3.1</v>
          </cell>
          <cell r="G311" t="str">
            <v>ALCOTRA Relance</v>
          </cell>
        </row>
        <row r="312">
          <cell r="C312">
            <v>8577</v>
          </cell>
          <cell r="D312">
            <v>4</v>
          </cell>
          <cell r="E312" t="str">
            <v>5.1</v>
          </cell>
          <cell r="F312" t="str">
            <v/>
          </cell>
          <cell r="G312" t="str">
            <v>Assistance technique</v>
          </cell>
        </row>
        <row r="313">
          <cell r="C313">
            <v>8658</v>
          </cell>
          <cell r="D313">
            <v>1</v>
          </cell>
          <cell r="E313" t="str">
            <v>5.1</v>
          </cell>
          <cell r="F313" t="str">
            <v/>
          </cell>
          <cell r="G313" t="str">
            <v>Assistance technique</v>
          </cell>
        </row>
        <row r="314">
          <cell r="C314">
            <v>8667</v>
          </cell>
          <cell r="D314">
            <v>2</v>
          </cell>
          <cell r="E314" t="str">
            <v>5.1</v>
          </cell>
          <cell r="F314" t="str">
            <v/>
          </cell>
          <cell r="G314" t="str">
            <v>Assistance technique</v>
          </cell>
        </row>
        <row r="315">
          <cell r="C315">
            <v>8817</v>
          </cell>
          <cell r="D315">
            <v>3</v>
          </cell>
          <cell r="E315" t="str">
            <v>5.1</v>
          </cell>
          <cell r="F315" t="str">
            <v/>
          </cell>
          <cell r="G315" t="str">
            <v>Assistance technique</v>
          </cell>
        </row>
        <row r="316">
          <cell r="C316">
            <v>8858</v>
          </cell>
          <cell r="D316">
            <v>2</v>
          </cell>
          <cell r="E316" t="str">
            <v>5.1</v>
          </cell>
          <cell r="F316" t="str">
            <v/>
          </cell>
          <cell r="G316" t="str">
            <v>Assistance technique</v>
          </cell>
        </row>
        <row r="317">
          <cell r="C317">
            <v>9237</v>
          </cell>
          <cell r="D317">
            <v>3</v>
          </cell>
          <cell r="E317" t="str">
            <v>5.1</v>
          </cell>
          <cell r="F317" t="str">
            <v/>
          </cell>
          <cell r="G317" t="str">
            <v>Assistance technique</v>
          </cell>
        </row>
        <row r="318">
          <cell r="C318">
            <v>9252</v>
          </cell>
          <cell r="D318">
            <v>2</v>
          </cell>
          <cell r="E318" t="str">
            <v>5.1</v>
          </cell>
          <cell r="F318" t="str">
            <v/>
          </cell>
          <cell r="G318" t="str">
            <v>Assistance technique</v>
          </cell>
        </row>
        <row r="319">
          <cell r="C319">
            <v>9382</v>
          </cell>
          <cell r="D319">
            <v>1</v>
          </cell>
          <cell r="E319" t="str">
            <v>5.1</v>
          </cell>
          <cell r="F319" t="str">
            <v/>
          </cell>
          <cell r="G319" t="str">
            <v>Assistance technique</v>
          </cell>
        </row>
        <row r="320">
          <cell r="C320">
            <v>9394</v>
          </cell>
          <cell r="D320">
            <v>1</v>
          </cell>
          <cell r="E320" t="str">
            <v>5.1</v>
          </cell>
          <cell r="F320" t="str">
            <v/>
          </cell>
          <cell r="G320" t="str">
            <v>Assistance technique</v>
          </cell>
        </row>
        <row r="321">
          <cell r="C321">
            <v>9648</v>
          </cell>
          <cell r="D321">
            <v>2</v>
          </cell>
          <cell r="E321" t="str">
            <v>5.1</v>
          </cell>
          <cell r="G321" t="str">
            <v>Assistance technique</v>
          </cell>
        </row>
        <row r="322">
          <cell r="C322">
            <v>9666</v>
          </cell>
          <cell r="D322">
            <v>1</v>
          </cell>
          <cell r="E322" t="str">
            <v>5.1</v>
          </cell>
          <cell r="G322" t="str">
            <v>Assistance technique</v>
          </cell>
        </row>
        <row r="323">
          <cell r="C323">
            <v>9670</v>
          </cell>
          <cell r="D323">
            <v>1</v>
          </cell>
          <cell r="E323" t="str">
            <v>5.1</v>
          </cell>
          <cell r="G323" t="str">
            <v>Assistance technique</v>
          </cell>
        </row>
        <row r="324">
          <cell r="C324">
            <v>9682</v>
          </cell>
          <cell r="D324">
            <v>1</v>
          </cell>
          <cell r="E324" t="str">
            <v>5.1</v>
          </cell>
          <cell r="G324" t="str">
            <v>Assistance technique</v>
          </cell>
        </row>
        <row r="325">
          <cell r="C325">
            <v>0</v>
          </cell>
          <cell r="D325">
            <v>0</v>
          </cell>
          <cell r="E325">
            <v>0</v>
          </cell>
          <cell r="G325" t="e">
            <v>#N/A</v>
          </cell>
        </row>
        <row r="326">
          <cell r="C326">
            <v>0</v>
          </cell>
          <cell r="D326">
            <v>0</v>
          </cell>
          <cell r="E326">
            <v>0</v>
          </cell>
          <cell r="G326" t="e">
            <v>#N/A</v>
          </cell>
        </row>
        <row r="327">
          <cell r="C327">
            <v>0</v>
          </cell>
          <cell r="D327">
            <v>0</v>
          </cell>
          <cell r="E327">
            <v>0</v>
          </cell>
          <cell r="G327" t="e">
            <v>#N/A</v>
          </cell>
        </row>
      </sheetData>
      <sheetData sheetId="3"/>
      <sheetData sheetId="4"/>
      <sheetData sheetId="5"/>
      <sheetData sheetId="6"/>
      <sheetData sheetId="7"/>
      <sheetData sheetId="8"/>
      <sheetData sheetId="9"/>
      <sheetData sheetId="10">
        <row r="2">
          <cell r="D2">
            <v>342</v>
          </cell>
        </row>
        <row r="3">
          <cell r="D3">
            <v>345</v>
          </cell>
        </row>
        <row r="4">
          <cell r="D4">
            <v>359</v>
          </cell>
        </row>
        <row r="5">
          <cell r="D5">
            <v>361</v>
          </cell>
        </row>
        <row r="6">
          <cell r="D6">
            <v>362</v>
          </cell>
        </row>
        <row r="7">
          <cell r="D7">
            <v>368</v>
          </cell>
        </row>
        <row r="8">
          <cell r="D8">
            <v>369</v>
          </cell>
        </row>
        <row r="9">
          <cell r="D9">
            <v>373</v>
          </cell>
        </row>
        <row r="10">
          <cell r="D10">
            <v>375</v>
          </cell>
        </row>
        <row r="11">
          <cell r="D11">
            <v>376</v>
          </cell>
        </row>
        <row r="12">
          <cell r="D12">
            <v>378</v>
          </cell>
        </row>
        <row r="13">
          <cell r="D13">
            <v>385</v>
          </cell>
        </row>
        <row r="14">
          <cell r="D14">
            <v>405</v>
          </cell>
        </row>
        <row r="15">
          <cell r="D15">
            <v>407</v>
          </cell>
        </row>
        <row r="16">
          <cell r="D16">
            <v>411</v>
          </cell>
        </row>
        <row r="17">
          <cell r="D17">
            <v>427</v>
          </cell>
        </row>
        <row r="18">
          <cell r="D18">
            <v>456</v>
          </cell>
        </row>
        <row r="19">
          <cell r="D19">
            <v>467</v>
          </cell>
        </row>
        <row r="20">
          <cell r="D20">
            <v>477</v>
          </cell>
        </row>
        <row r="21">
          <cell r="D21">
            <v>481</v>
          </cell>
        </row>
        <row r="22">
          <cell r="D22">
            <v>492</v>
          </cell>
        </row>
        <row r="23">
          <cell r="D23">
            <v>493</v>
          </cell>
        </row>
        <row r="24">
          <cell r="D24">
            <v>498</v>
          </cell>
        </row>
        <row r="25">
          <cell r="D25">
            <v>517</v>
          </cell>
        </row>
        <row r="26">
          <cell r="D26">
            <v>1135</v>
          </cell>
        </row>
        <row r="27">
          <cell r="D27">
            <v>1139</v>
          </cell>
        </row>
        <row r="28">
          <cell r="D28">
            <v>1198</v>
          </cell>
        </row>
        <row r="29">
          <cell r="D29">
            <v>1316</v>
          </cell>
        </row>
        <row r="30">
          <cell r="D30">
            <v>1319</v>
          </cell>
        </row>
        <row r="31">
          <cell r="D31">
            <v>1348</v>
          </cell>
        </row>
        <row r="32">
          <cell r="D32">
            <v>1363</v>
          </cell>
        </row>
        <row r="33">
          <cell r="D33">
            <v>1385</v>
          </cell>
        </row>
        <row r="34">
          <cell r="D34">
            <v>1482</v>
          </cell>
        </row>
        <row r="35">
          <cell r="D35">
            <v>1501</v>
          </cell>
        </row>
        <row r="36">
          <cell r="D36">
            <v>1505</v>
          </cell>
        </row>
        <row r="37">
          <cell r="D37">
            <v>1510</v>
          </cell>
        </row>
        <row r="38">
          <cell r="D38">
            <v>1520</v>
          </cell>
        </row>
        <row r="39">
          <cell r="D39">
            <v>1535</v>
          </cell>
        </row>
        <row r="40">
          <cell r="D40">
            <v>1540</v>
          </cell>
        </row>
        <row r="41">
          <cell r="D41">
            <v>1562</v>
          </cell>
        </row>
        <row r="42">
          <cell r="D42">
            <v>1564</v>
          </cell>
        </row>
        <row r="43">
          <cell r="D43">
            <v>1570</v>
          </cell>
        </row>
        <row r="44">
          <cell r="D44">
            <v>1571</v>
          </cell>
        </row>
        <row r="45">
          <cell r="D45">
            <v>1573</v>
          </cell>
        </row>
        <row r="46">
          <cell r="D46">
            <v>1574</v>
          </cell>
        </row>
        <row r="47">
          <cell r="D47">
            <v>1579</v>
          </cell>
        </row>
        <row r="48">
          <cell r="D48">
            <v>1580</v>
          </cell>
        </row>
        <row r="49">
          <cell r="D49">
            <v>1589</v>
          </cell>
        </row>
        <row r="50">
          <cell r="D50">
            <v>1596</v>
          </cell>
        </row>
        <row r="51">
          <cell r="D51">
            <v>1606</v>
          </cell>
        </row>
        <row r="52">
          <cell r="D52">
            <v>1609</v>
          </cell>
        </row>
        <row r="53">
          <cell r="D53">
            <v>1611</v>
          </cell>
        </row>
        <row r="54">
          <cell r="D54">
            <v>1614</v>
          </cell>
        </row>
        <row r="55">
          <cell r="D55">
            <v>1622</v>
          </cell>
        </row>
        <row r="56">
          <cell r="D56">
            <v>1634</v>
          </cell>
        </row>
        <row r="57">
          <cell r="D57">
            <v>1636</v>
          </cell>
        </row>
        <row r="58">
          <cell r="D58">
            <v>1640</v>
          </cell>
        </row>
        <row r="59">
          <cell r="D59">
            <v>1644</v>
          </cell>
        </row>
        <row r="60">
          <cell r="D60">
            <v>1646</v>
          </cell>
        </row>
        <row r="61">
          <cell r="D61">
            <v>1647</v>
          </cell>
        </row>
        <row r="62">
          <cell r="D62">
            <v>1652</v>
          </cell>
        </row>
        <row r="63">
          <cell r="D63">
            <v>1654</v>
          </cell>
        </row>
        <row r="64">
          <cell r="D64">
            <v>1656</v>
          </cell>
        </row>
        <row r="65">
          <cell r="D65">
            <v>1660</v>
          </cell>
        </row>
        <row r="66">
          <cell r="D66">
            <v>1661</v>
          </cell>
        </row>
        <row r="67">
          <cell r="D67">
            <v>1664</v>
          </cell>
        </row>
        <row r="68">
          <cell r="D68">
            <v>1667</v>
          </cell>
        </row>
        <row r="69">
          <cell r="D69">
            <v>1670</v>
          </cell>
        </row>
        <row r="70">
          <cell r="D70">
            <v>1671</v>
          </cell>
        </row>
        <row r="71">
          <cell r="D71">
            <v>1672</v>
          </cell>
        </row>
        <row r="72">
          <cell r="D72">
            <v>1673</v>
          </cell>
        </row>
        <row r="73">
          <cell r="D73">
            <v>1674</v>
          </cell>
        </row>
        <row r="74">
          <cell r="D74">
            <v>1676</v>
          </cell>
        </row>
        <row r="75">
          <cell r="D75">
            <v>1680</v>
          </cell>
        </row>
        <row r="76">
          <cell r="D76">
            <v>1681</v>
          </cell>
        </row>
        <row r="77">
          <cell r="D77">
            <v>1684</v>
          </cell>
        </row>
        <row r="78">
          <cell r="D78">
            <v>1686</v>
          </cell>
        </row>
        <row r="79">
          <cell r="D79">
            <v>1690</v>
          </cell>
        </row>
        <row r="80">
          <cell r="D80">
            <v>1692</v>
          </cell>
        </row>
        <row r="81">
          <cell r="D81">
            <v>1693</v>
          </cell>
        </row>
        <row r="82">
          <cell r="D82">
            <v>1694</v>
          </cell>
        </row>
        <row r="83">
          <cell r="D83">
            <v>1695</v>
          </cell>
        </row>
        <row r="84">
          <cell r="D84">
            <v>1697</v>
          </cell>
        </row>
        <row r="85">
          <cell r="D85">
            <v>1699</v>
          </cell>
        </row>
        <row r="86">
          <cell r="D86">
            <v>1704</v>
          </cell>
        </row>
        <row r="87">
          <cell r="D87">
            <v>1705</v>
          </cell>
        </row>
        <row r="88">
          <cell r="D88">
            <v>1706</v>
          </cell>
        </row>
        <row r="89">
          <cell r="D89">
            <v>1708</v>
          </cell>
        </row>
        <row r="90">
          <cell r="D90">
            <v>1709</v>
          </cell>
        </row>
        <row r="91">
          <cell r="D91">
            <v>1710</v>
          </cell>
        </row>
        <row r="92">
          <cell r="D92">
            <v>1711</v>
          </cell>
        </row>
        <row r="93">
          <cell r="D93">
            <v>1712</v>
          </cell>
        </row>
        <row r="94">
          <cell r="D94">
            <v>1715</v>
          </cell>
        </row>
        <row r="95">
          <cell r="D95">
            <v>1716</v>
          </cell>
        </row>
        <row r="96">
          <cell r="D96">
            <v>1720</v>
          </cell>
        </row>
        <row r="97">
          <cell r="D97">
            <v>1725</v>
          </cell>
        </row>
        <row r="98">
          <cell r="D98">
            <v>1728</v>
          </cell>
        </row>
        <row r="99">
          <cell r="D99">
            <v>1729</v>
          </cell>
        </row>
        <row r="100">
          <cell r="D100">
            <v>1730</v>
          </cell>
        </row>
        <row r="101">
          <cell r="D101">
            <v>1731</v>
          </cell>
        </row>
        <row r="102">
          <cell r="D102">
            <v>1732</v>
          </cell>
        </row>
        <row r="103">
          <cell r="D103">
            <v>1733</v>
          </cell>
        </row>
        <row r="104">
          <cell r="D104">
            <v>1734</v>
          </cell>
        </row>
        <row r="105">
          <cell r="D105">
            <v>1738</v>
          </cell>
        </row>
        <row r="106">
          <cell r="D106">
            <v>1740</v>
          </cell>
        </row>
        <row r="107">
          <cell r="D107">
            <v>1741</v>
          </cell>
        </row>
        <row r="108">
          <cell r="D108">
            <v>1744</v>
          </cell>
        </row>
        <row r="109">
          <cell r="D109">
            <v>1745</v>
          </cell>
        </row>
        <row r="110">
          <cell r="D110">
            <v>1747</v>
          </cell>
        </row>
        <row r="111">
          <cell r="D111">
            <v>1748</v>
          </cell>
        </row>
        <row r="112">
          <cell r="D112">
            <v>1754</v>
          </cell>
        </row>
        <row r="113">
          <cell r="D113">
            <v>1760</v>
          </cell>
        </row>
        <row r="114">
          <cell r="D114">
            <v>1766</v>
          </cell>
        </row>
        <row r="115">
          <cell r="D115">
            <v>1776</v>
          </cell>
        </row>
        <row r="116">
          <cell r="D116">
            <v>1780</v>
          </cell>
        </row>
        <row r="117">
          <cell r="D117">
            <v>1784</v>
          </cell>
        </row>
        <row r="118">
          <cell r="D118">
            <v>1791</v>
          </cell>
        </row>
        <row r="119">
          <cell r="D119">
            <v>1794</v>
          </cell>
        </row>
        <row r="120">
          <cell r="D120">
            <v>1795</v>
          </cell>
        </row>
        <row r="121">
          <cell r="D121">
            <v>1806</v>
          </cell>
        </row>
        <row r="122">
          <cell r="D122">
            <v>1818</v>
          </cell>
        </row>
        <row r="123">
          <cell r="D123">
            <v>1821</v>
          </cell>
        </row>
        <row r="124">
          <cell r="D124">
            <v>1824</v>
          </cell>
        </row>
        <row r="125">
          <cell r="D125">
            <v>1828</v>
          </cell>
        </row>
        <row r="126">
          <cell r="D126">
            <v>1829</v>
          </cell>
        </row>
        <row r="127">
          <cell r="D127">
            <v>1830</v>
          </cell>
        </row>
        <row r="128">
          <cell r="D128">
            <v>1836</v>
          </cell>
        </row>
        <row r="129">
          <cell r="D129">
            <v>1841</v>
          </cell>
        </row>
        <row r="130">
          <cell r="D130">
            <v>1842</v>
          </cell>
        </row>
        <row r="131">
          <cell r="D131">
            <v>1843</v>
          </cell>
        </row>
        <row r="132">
          <cell r="D132">
            <v>1847</v>
          </cell>
        </row>
        <row r="133">
          <cell r="D133">
            <v>1850</v>
          </cell>
        </row>
        <row r="134">
          <cell r="D134">
            <v>1857</v>
          </cell>
        </row>
        <row r="135">
          <cell r="D135">
            <v>2219</v>
          </cell>
        </row>
        <row r="136">
          <cell r="D136">
            <v>2223</v>
          </cell>
        </row>
        <row r="137">
          <cell r="D137">
            <v>2240</v>
          </cell>
        </row>
        <row r="138">
          <cell r="D138">
            <v>2263</v>
          </cell>
        </row>
        <row r="139">
          <cell r="D139">
            <v>2399</v>
          </cell>
        </row>
        <row r="140">
          <cell r="D140">
            <v>2401</v>
          </cell>
        </row>
        <row r="141">
          <cell r="D141">
            <v>2457</v>
          </cell>
        </row>
        <row r="142">
          <cell r="D142">
            <v>2463</v>
          </cell>
        </row>
        <row r="143">
          <cell r="D143">
            <v>2465</v>
          </cell>
        </row>
        <row r="144">
          <cell r="D144">
            <v>2815</v>
          </cell>
        </row>
        <row r="145">
          <cell r="D145">
            <v>2919</v>
          </cell>
        </row>
        <row r="146">
          <cell r="D146">
            <v>2923</v>
          </cell>
        </row>
        <row r="147">
          <cell r="D147">
            <v>2942</v>
          </cell>
        </row>
        <row r="148">
          <cell r="D148">
            <v>2966</v>
          </cell>
        </row>
        <row r="149">
          <cell r="D149">
            <v>2983</v>
          </cell>
        </row>
        <row r="150">
          <cell r="D150">
            <v>3005</v>
          </cell>
        </row>
        <row r="151">
          <cell r="D151">
            <v>3113</v>
          </cell>
        </row>
        <row r="152">
          <cell r="D152">
            <v>3129</v>
          </cell>
        </row>
        <row r="153">
          <cell r="D153">
            <v>3193</v>
          </cell>
        </row>
        <row r="154">
          <cell r="D154">
            <v>3210</v>
          </cell>
        </row>
        <row r="155">
          <cell r="D155">
            <v>3238</v>
          </cell>
        </row>
        <row r="156">
          <cell r="D156">
            <v>3261</v>
          </cell>
        </row>
        <row r="157">
          <cell r="D157">
            <v>3321</v>
          </cell>
        </row>
        <row r="158">
          <cell r="D158">
            <v>3345</v>
          </cell>
        </row>
        <row r="159">
          <cell r="D159">
            <v>3417</v>
          </cell>
        </row>
        <row r="160">
          <cell r="D160">
            <v>3420</v>
          </cell>
        </row>
        <row r="161">
          <cell r="D161">
            <v>3452</v>
          </cell>
        </row>
        <row r="162">
          <cell r="D162">
            <v>3462</v>
          </cell>
        </row>
        <row r="163">
          <cell r="D163">
            <v>3500</v>
          </cell>
        </row>
        <row r="164">
          <cell r="D164">
            <v>3653</v>
          </cell>
        </row>
        <row r="165">
          <cell r="D165">
            <v>3704</v>
          </cell>
        </row>
        <row r="166">
          <cell r="D166">
            <v>3797</v>
          </cell>
        </row>
        <row r="167">
          <cell r="D167">
            <v>3824</v>
          </cell>
        </row>
        <row r="168">
          <cell r="D168">
            <v>3839</v>
          </cell>
        </row>
        <row r="169">
          <cell r="D169">
            <v>3840</v>
          </cell>
        </row>
        <row r="170">
          <cell r="D170">
            <v>3844</v>
          </cell>
        </row>
        <row r="171">
          <cell r="D171">
            <v>3845</v>
          </cell>
        </row>
        <row r="172">
          <cell r="D172">
            <v>3860</v>
          </cell>
        </row>
        <row r="173">
          <cell r="D173">
            <v>3861</v>
          </cell>
        </row>
        <row r="174">
          <cell r="D174">
            <v>3896</v>
          </cell>
        </row>
        <row r="175">
          <cell r="D175">
            <v>3926</v>
          </cell>
        </row>
        <row r="176">
          <cell r="D176">
            <v>3931</v>
          </cell>
        </row>
        <row r="177">
          <cell r="D177">
            <v>3934</v>
          </cell>
        </row>
        <row r="178">
          <cell r="D178">
            <v>3936</v>
          </cell>
        </row>
        <row r="179">
          <cell r="D179">
            <v>3962</v>
          </cell>
        </row>
        <row r="180">
          <cell r="D180">
            <v>3967</v>
          </cell>
        </row>
        <row r="181">
          <cell r="D181">
            <v>3971</v>
          </cell>
        </row>
        <row r="182">
          <cell r="D182">
            <v>3990</v>
          </cell>
        </row>
        <row r="183">
          <cell r="D183">
            <v>4007</v>
          </cell>
        </row>
        <row r="184">
          <cell r="D184">
            <v>4009</v>
          </cell>
        </row>
        <row r="185">
          <cell r="D185">
            <v>4071</v>
          </cell>
        </row>
        <row r="186">
          <cell r="D186">
            <v>4072</v>
          </cell>
        </row>
        <row r="187">
          <cell r="D187">
            <v>4073</v>
          </cell>
        </row>
        <row r="188">
          <cell r="D188">
            <v>4078</v>
          </cell>
        </row>
        <row r="189">
          <cell r="D189">
            <v>4079</v>
          </cell>
        </row>
        <row r="190">
          <cell r="D190">
            <v>4080</v>
          </cell>
        </row>
        <row r="191">
          <cell r="D191">
            <v>4083</v>
          </cell>
        </row>
        <row r="192">
          <cell r="D192">
            <v>4095</v>
          </cell>
        </row>
        <row r="193">
          <cell r="D193">
            <v>4097</v>
          </cell>
        </row>
        <row r="194">
          <cell r="D194">
            <v>4100</v>
          </cell>
        </row>
        <row r="195">
          <cell r="D195">
            <v>4104</v>
          </cell>
        </row>
        <row r="196">
          <cell r="D196">
            <v>4110</v>
          </cell>
        </row>
        <row r="197">
          <cell r="D197">
            <v>4128</v>
          </cell>
        </row>
        <row r="198">
          <cell r="D198">
            <v>4166</v>
          </cell>
        </row>
        <row r="199">
          <cell r="D199">
            <v>4169</v>
          </cell>
        </row>
        <row r="200">
          <cell r="D200">
            <v>4170</v>
          </cell>
        </row>
        <row r="201">
          <cell r="D201">
            <v>4171</v>
          </cell>
        </row>
        <row r="202">
          <cell r="D202">
            <v>4176</v>
          </cell>
        </row>
        <row r="203">
          <cell r="D203">
            <v>4298</v>
          </cell>
        </row>
        <row r="204">
          <cell r="D204">
            <v>4371</v>
          </cell>
        </row>
        <row r="205">
          <cell r="D205">
            <v>4510</v>
          </cell>
        </row>
        <row r="206">
          <cell r="D206">
            <v>4630</v>
          </cell>
        </row>
        <row r="207">
          <cell r="D207">
            <v>4655</v>
          </cell>
        </row>
        <row r="208">
          <cell r="D208">
            <v>4743</v>
          </cell>
        </row>
        <row r="209">
          <cell r="D209">
            <v>4762</v>
          </cell>
        </row>
        <row r="210">
          <cell r="D210">
            <v>4793</v>
          </cell>
        </row>
        <row r="211">
          <cell r="D211">
            <v>4836</v>
          </cell>
        </row>
        <row r="212">
          <cell r="D212">
            <v>4839</v>
          </cell>
        </row>
        <row r="213">
          <cell r="D213">
            <v>4882</v>
          </cell>
        </row>
        <row r="214">
          <cell r="D214">
            <v>4892</v>
          </cell>
        </row>
        <row r="215">
          <cell r="D215">
            <v>4899</v>
          </cell>
        </row>
        <row r="216">
          <cell r="D216">
            <v>4905</v>
          </cell>
        </row>
        <row r="217">
          <cell r="D217">
            <v>4906</v>
          </cell>
        </row>
        <row r="218">
          <cell r="D218">
            <v>4912</v>
          </cell>
        </row>
        <row r="219">
          <cell r="D219">
            <v>4913</v>
          </cell>
        </row>
        <row r="220">
          <cell r="D220">
            <v>4926</v>
          </cell>
        </row>
        <row r="221">
          <cell r="D221">
            <v>4927</v>
          </cell>
        </row>
        <row r="222">
          <cell r="D222">
            <v>4930</v>
          </cell>
        </row>
        <row r="223">
          <cell r="D223">
            <v>4942</v>
          </cell>
        </row>
        <row r="224">
          <cell r="D224">
            <v>4943</v>
          </cell>
        </row>
        <row r="225">
          <cell r="D225">
            <v>4945</v>
          </cell>
        </row>
        <row r="226">
          <cell r="D226">
            <v>4946</v>
          </cell>
        </row>
        <row r="227">
          <cell r="D227">
            <v>4949</v>
          </cell>
        </row>
        <row r="228">
          <cell r="D228">
            <v>4951</v>
          </cell>
        </row>
        <row r="229">
          <cell r="D229">
            <v>4980</v>
          </cell>
        </row>
        <row r="230">
          <cell r="D230">
            <v>5031</v>
          </cell>
        </row>
        <row r="231">
          <cell r="D231">
            <v>5106</v>
          </cell>
        </row>
        <row r="232">
          <cell r="D232">
            <v>5162</v>
          </cell>
        </row>
        <row r="233">
          <cell r="D233">
            <v>5163</v>
          </cell>
        </row>
        <row r="234">
          <cell r="D234">
            <v>5174</v>
          </cell>
        </row>
        <row r="235">
          <cell r="D235">
            <v>5194</v>
          </cell>
        </row>
        <row r="236">
          <cell r="D236">
            <v>5201</v>
          </cell>
        </row>
        <row r="237">
          <cell r="D237">
            <v>5217</v>
          </cell>
        </row>
        <row r="238">
          <cell r="D238">
            <v>5340</v>
          </cell>
        </row>
        <row r="239">
          <cell r="D239">
            <v>5593</v>
          </cell>
        </row>
        <row r="240">
          <cell r="D240">
            <v>5645</v>
          </cell>
        </row>
        <row r="241">
          <cell r="D241">
            <v>5660</v>
          </cell>
        </row>
        <row r="242">
          <cell r="D242">
            <v>5665</v>
          </cell>
        </row>
        <row r="243">
          <cell r="D243">
            <v>5685</v>
          </cell>
        </row>
        <row r="244">
          <cell r="D244">
            <v>5686</v>
          </cell>
        </row>
        <row r="245">
          <cell r="D245">
            <v>5698</v>
          </cell>
        </row>
        <row r="246">
          <cell r="D246">
            <v>5809</v>
          </cell>
        </row>
        <row r="247">
          <cell r="D247">
            <v>5810</v>
          </cell>
        </row>
        <row r="248">
          <cell r="D248">
            <v>5814</v>
          </cell>
        </row>
        <row r="249">
          <cell r="D249">
            <v>5819</v>
          </cell>
        </row>
        <row r="250">
          <cell r="D250">
            <v>5820</v>
          </cell>
        </row>
      </sheetData>
      <sheetData sheetId="11"/>
      <sheetData sheetId="12"/>
      <sheetData sheetId="13"/>
      <sheetData sheetId="14"/>
      <sheetData sheetId="15"/>
      <sheetData sheetId="16">
        <row r="2">
          <cell r="A2" t="str">
            <v>1.1</v>
          </cell>
          <cell r="B2" t="str">
            <v>062</v>
          </cell>
          <cell r="C2" t="str">
            <v>01</v>
          </cell>
          <cell r="D2" t="str">
            <v>04</v>
          </cell>
          <cell r="E2" t="str">
            <v>07</v>
          </cell>
          <cell r="F2" t="str">
            <v>01</v>
          </cell>
        </row>
        <row r="3">
          <cell r="A3" t="str">
            <v>1.2</v>
          </cell>
          <cell r="B3" t="str">
            <v>013</v>
          </cell>
          <cell r="C3" t="str">
            <v>01</v>
          </cell>
          <cell r="D3" t="str">
            <v>04</v>
          </cell>
          <cell r="E3" t="str">
            <v>07</v>
          </cell>
          <cell r="F3" t="str">
            <v>04</v>
          </cell>
        </row>
        <row r="4">
          <cell r="A4" t="str">
            <v>2.1</v>
          </cell>
          <cell r="B4" t="str">
            <v>087</v>
          </cell>
          <cell r="C4" t="str">
            <v>01</v>
          </cell>
          <cell r="D4" t="str">
            <v>07</v>
          </cell>
          <cell r="E4" t="str">
            <v>07</v>
          </cell>
          <cell r="F4" t="str">
            <v>05</v>
          </cell>
        </row>
        <row r="5">
          <cell r="A5" t="str">
            <v>2.2</v>
          </cell>
          <cell r="B5" t="str">
            <v>088</v>
          </cell>
          <cell r="C5" t="str">
            <v>01</v>
          </cell>
          <cell r="D5" t="str">
            <v>07</v>
          </cell>
          <cell r="E5" t="str">
            <v>07</v>
          </cell>
          <cell r="F5" t="str">
            <v>05</v>
          </cell>
        </row>
        <row r="6">
          <cell r="A6" t="str">
            <v>3.1</v>
          </cell>
          <cell r="B6" t="str">
            <v>094</v>
          </cell>
          <cell r="C6" t="str">
            <v>01</v>
          </cell>
          <cell r="D6" t="str">
            <v>04</v>
          </cell>
          <cell r="E6" t="str">
            <v>07</v>
          </cell>
          <cell r="F6" t="str">
            <v>06</v>
          </cell>
        </row>
        <row r="7">
          <cell r="A7" t="str">
            <v>3.2</v>
          </cell>
          <cell r="B7" t="str">
            <v>085</v>
          </cell>
          <cell r="C7" t="str">
            <v>01</v>
          </cell>
          <cell r="D7" t="str">
            <v>04</v>
          </cell>
          <cell r="E7" t="str">
            <v>07</v>
          </cell>
          <cell r="F7" t="str">
            <v>06</v>
          </cell>
        </row>
        <row r="8">
          <cell r="A8" t="str">
            <v>3.3</v>
          </cell>
          <cell r="B8" t="str">
            <v>043</v>
          </cell>
          <cell r="C8" t="str">
            <v>01</v>
          </cell>
          <cell r="D8" t="str">
            <v>04</v>
          </cell>
          <cell r="E8" t="str">
            <v>07</v>
          </cell>
          <cell r="F8" t="str">
            <v>04</v>
          </cell>
        </row>
        <row r="9">
          <cell r="A9" t="str">
            <v>4.1</v>
          </cell>
          <cell r="B9" t="str">
            <v>112</v>
          </cell>
          <cell r="C9" t="str">
            <v>01</v>
          </cell>
          <cell r="D9" t="str">
            <v>03</v>
          </cell>
          <cell r="E9" t="str">
            <v>07</v>
          </cell>
          <cell r="F9" t="str">
            <v>09</v>
          </cell>
        </row>
        <row r="10">
          <cell r="A10" t="str">
            <v>4.2</v>
          </cell>
          <cell r="B10" t="str">
            <v>118</v>
          </cell>
          <cell r="C10" t="str">
            <v>01</v>
          </cell>
          <cell r="D10" t="str">
            <v>03</v>
          </cell>
          <cell r="E10" t="str">
            <v>07</v>
          </cell>
          <cell r="F10" t="str">
            <v>10</v>
          </cell>
        </row>
        <row r="11">
          <cell r="A11" t="str">
            <v>5.1</v>
          </cell>
          <cell r="B11" t="str">
            <v>121</v>
          </cell>
          <cell r="C11" t="str">
            <v>01</v>
          </cell>
          <cell r="D11" t="str">
            <v>07</v>
          </cell>
          <cell r="E11" t="str">
            <v>07</v>
          </cell>
          <cell r="F11" t="str">
            <v>0</v>
          </cell>
        </row>
        <row r="12">
          <cell r="A12" t="str">
            <v>5.1</v>
          </cell>
          <cell r="B12" t="str">
            <v>122</v>
          </cell>
          <cell r="C12" t="str">
            <v>01</v>
          </cell>
          <cell r="D12" t="str">
            <v>07</v>
          </cell>
          <cell r="E12" t="str">
            <v>07</v>
          </cell>
          <cell r="F12" t="str">
            <v>0</v>
          </cell>
        </row>
        <row r="16">
          <cell r="A16" t="str">
            <v>annuel 31/12</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NOTICE -"/>
      <sheetName val="Administratif"/>
      <sheetName val="Financier"/>
      <sheetName val="Dernier Comité de suivi"/>
      <sheetName val="TCD_reporting CE "/>
      <sheetName val="TCD_partenaire HZ"/>
      <sheetName val="TCD_dép partenaire"/>
      <sheetName val="TCD_financier"/>
      <sheetName val="TCD_financier bis"/>
      <sheetName val="TCD_financier 1"/>
      <sheetName val="TCD_financier 2"/>
      <sheetName val="TCD_financier 3"/>
      <sheetName val="TCD_financier 4"/>
      <sheetName val="TCD_porteurs"/>
      <sheetName val="TCD_financier 5"/>
      <sheetName val="form_3"/>
      <sheetName val="form_5"/>
      <sheetName val="finance_2"/>
      <sheetName val="finance_2 et APP"/>
      <sheetName val="#"/>
      <sheetName val="Graphiques"/>
      <sheetName val="graphique 2"/>
      <sheetName val="graphiques 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E3B7C6E-0289-4226-A97B-6B82B17A62D8}">
  <dimension ref="A1:T111"/>
  <sheetViews>
    <sheetView tabSelected="1" zoomScale="40" zoomScaleNormal="40" workbookViewId="0">
      <selection sqref="A1:S1"/>
    </sheetView>
  </sheetViews>
  <sheetFormatPr baseColWidth="10" defaultRowHeight="14.5" outlineLevelCol="1" x14ac:dyDescent="0.35"/>
  <cols>
    <col min="1" max="1" width="9.453125" customWidth="1" collapsed="1"/>
    <col min="2" max="3" width="11.453125" hidden="1" customWidth="1" outlineLevel="1"/>
    <col min="4" max="4" width="21.54296875" customWidth="1" collapsed="1"/>
    <col min="7" max="7" width="17.453125" customWidth="1"/>
    <col min="8" max="8" width="15.81640625" customWidth="1"/>
    <col min="9" max="9" width="36.54296875" customWidth="1"/>
    <col min="10" max="10" width="45.453125" customWidth="1"/>
    <col min="14" max="14" width="21.54296875" customWidth="1" collapsed="1"/>
    <col min="15" max="15" width="22" customWidth="1" collapsed="1"/>
    <col min="16" max="16" width="18.7265625" customWidth="1" collapsed="1"/>
    <col min="17" max="19" width="36.7265625" customWidth="1" collapsed="1"/>
  </cols>
  <sheetData>
    <row r="1" spans="1:20" ht="84" customHeight="1" thickBot="1" x14ac:dyDescent="0.4">
      <c r="A1" s="28"/>
      <c r="B1" s="28"/>
      <c r="C1" s="28"/>
      <c r="D1" s="28"/>
      <c r="E1" s="28"/>
      <c r="F1" s="28"/>
      <c r="G1" s="28"/>
      <c r="H1" s="28"/>
      <c r="I1" s="28"/>
      <c r="J1" s="28"/>
      <c r="K1" s="28"/>
      <c r="L1" s="28"/>
      <c r="M1" s="28"/>
      <c r="N1" s="28"/>
      <c r="O1" s="28"/>
      <c r="P1" s="28"/>
      <c r="Q1" s="28"/>
      <c r="R1" s="28"/>
      <c r="S1" s="28"/>
    </row>
    <row r="2" spans="1:20" s="5" customFormat="1" ht="72.75" customHeight="1" x14ac:dyDescent="0.35">
      <c r="A2" s="1" t="s">
        <v>15</v>
      </c>
      <c r="B2" s="1" t="s">
        <v>16</v>
      </c>
      <c r="C2" s="1" t="s">
        <v>17</v>
      </c>
      <c r="D2" s="1" t="s">
        <v>0</v>
      </c>
      <c r="E2" s="1" t="s">
        <v>1</v>
      </c>
      <c r="F2" s="1" t="s">
        <v>2</v>
      </c>
      <c r="G2" s="1" t="s">
        <v>3</v>
      </c>
      <c r="H2" s="1" t="s">
        <v>4</v>
      </c>
      <c r="I2" s="2" t="s">
        <v>5</v>
      </c>
      <c r="J2" s="2" t="s">
        <v>6</v>
      </c>
      <c r="K2" s="3" t="s">
        <v>7</v>
      </c>
      <c r="L2" s="2" t="s">
        <v>8</v>
      </c>
      <c r="M2" s="2" t="s">
        <v>9</v>
      </c>
      <c r="N2" s="1" t="s">
        <v>10</v>
      </c>
      <c r="O2" s="1" t="s">
        <v>11</v>
      </c>
      <c r="P2" s="1" t="s">
        <v>12</v>
      </c>
      <c r="Q2" s="1" t="s">
        <v>13</v>
      </c>
      <c r="R2" s="11" t="s">
        <v>14</v>
      </c>
      <c r="S2" s="12"/>
      <c r="T2" s="4"/>
    </row>
    <row r="3" spans="1:20" x14ac:dyDescent="0.35">
      <c r="A3" s="23">
        <v>1</v>
      </c>
      <c r="B3" s="6">
        <v>0</v>
      </c>
      <c r="C3" s="6">
        <v>0</v>
      </c>
      <c r="D3" s="24" t="s">
        <v>18</v>
      </c>
      <c r="E3" s="6">
        <v>1</v>
      </c>
      <c r="F3" s="6" t="s">
        <v>19</v>
      </c>
      <c r="G3" s="7">
        <v>44805</v>
      </c>
      <c r="H3" s="7">
        <v>45380</v>
      </c>
      <c r="I3" s="6" t="s">
        <v>20</v>
      </c>
      <c r="J3" s="6" t="s">
        <v>21</v>
      </c>
      <c r="K3" s="6" t="s">
        <v>22</v>
      </c>
      <c r="L3" s="6">
        <v>75338</v>
      </c>
      <c r="M3" s="6" t="s">
        <v>23</v>
      </c>
      <c r="N3" s="24">
        <v>253257.5</v>
      </c>
      <c r="O3" s="25">
        <v>0.8</v>
      </c>
      <c r="P3" s="25">
        <v>0.2</v>
      </c>
      <c r="Q3" s="26" t="s">
        <v>24</v>
      </c>
      <c r="R3" s="26" t="s">
        <v>25</v>
      </c>
      <c r="S3" s="27"/>
    </row>
    <row r="4" spans="1:20" x14ac:dyDescent="0.35">
      <c r="A4" s="15">
        <v>2</v>
      </c>
      <c r="B4">
        <v>0</v>
      </c>
      <c r="C4">
        <v>0</v>
      </c>
      <c r="D4" s="17"/>
      <c r="E4">
        <v>1</v>
      </c>
      <c r="F4" t="s">
        <v>19</v>
      </c>
      <c r="G4" s="8">
        <v>44805</v>
      </c>
      <c r="H4" s="8">
        <v>45380</v>
      </c>
      <c r="I4" t="s">
        <v>26</v>
      </c>
      <c r="J4" t="s">
        <v>27</v>
      </c>
      <c r="K4" t="s">
        <v>28</v>
      </c>
      <c r="L4">
        <v>15067</v>
      </c>
      <c r="M4" t="s">
        <v>29</v>
      </c>
      <c r="N4" s="17">
        <v>0</v>
      </c>
      <c r="O4" s="20">
        <v>0.8</v>
      </c>
      <c r="P4" s="20">
        <v>0.2</v>
      </c>
      <c r="Q4" s="13">
        <v>0</v>
      </c>
      <c r="R4" s="13">
        <v>0</v>
      </c>
      <c r="S4" s="13"/>
    </row>
    <row r="5" spans="1:20" x14ac:dyDescent="0.35">
      <c r="A5" s="15">
        <v>3</v>
      </c>
      <c r="B5">
        <v>0</v>
      </c>
      <c r="C5">
        <v>0</v>
      </c>
      <c r="D5" s="17"/>
      <c r="E5">
        <v>1</v>
      </c>
      <c r="F5" t="s">
        <v>19</v>
      </c>
      <c r="G5" s="8">
        <v>44805</v>
      </c>
      <c r="H5" s="8">
        <v>45380</v>
      </c>
      <c r="I5" t="s">
        <v>30</v>
      </c>
      <c r="J5" t="s">
        <v>31</v>
      </c>
      <c r="K5" t="s">
        <v>32</v>
      </c>
      <c r="L5">
        <v>10124</v>
      </c>
      <c r="M5" t="s">
        <v>29</v>
      </c>
      <c r="N5" s="17">
        <v>0</v>
      </c>
      <c r="O5" s="20">
        <v>0.8</v>
      </c>
      <c r="P5" s="20">
        <v>0.2</v>
      </c>
      <c r="Q5" s="13">
        <v>0</v>
      </c>
      <c r="R5" s="13">
        <v>0</v>
      </c>
      <c r="S5" s="13"/>
    </row>
    <row r="6" spans="1:20" x14ac:dyDescent="0.35">
      <c r="A6" s="15">
        <v>2</v>
      </c>
      <c r="B6">
        <v>0</v>
      </c>
      <c r="C6">
        <v>0</v>
      </c>
      <c r="D6" s="17" t="s">
        <v>33</v>
      </c>
      <c r="E6">
        <v>2</v>
      </c>
      <c r="F6" t="s">
        <v>34</v>
      </c>
      <c r="G6" s="8">
        <v>44972</v>
      </c>
      <c r="H6" s="8">
        <v>45427</v>
      </c>
      <c r="I6" t="s">
        <v>35</v>
      </c>
      <c r="J6" t="s">
        <v>36</v>
      </c>
      <c r="K6" t="s">
        <v>37</v>
      </c>
      <c r="L6">
        <v>6500</v>
      </c>
      <c r="M6" t="s">
        <v>23</v>
      </c>
      <c r="N6" s="17">
        <v>2465751.25</v>
      </c>
      <c r="O6" s="20">
        <v>0.8</v>
      </c>
      <c r="P6" s="20">
        <v>0.2</v>
      </c>
      <c r="Q6" s="13" t="s">
        <v>38</v>
      </c>
      <c r="R6" s="13" t="s">
        <v>39</v>
      </c>
      <c r="S6" s="13"/>
    </row>
    <row r="7" spans="1:20" x14ac:dyDescent="0.35">
      <c r="A7" s="15">
        <v>5</v>
      </c>
      <c r="B7">
        <v>0</v>
      </c>
      <c r="C7">
        <v>0</v>
      </c>
      <c r="D7" s="18"/>
      <c r="E7">
        <v>2</v>
      </c>
      <c r="F7" t="s">
        <v>34</v>
      </c>
      <c r="G7" s="8">
        <v>44972</v>
      </c>
      <c r="H7" s="8">
        <v>45427</v>
      </c>
      <c r="I7" t="s">
        <v>40</v>
      </c>
      <c r="J7" t="s">
        <v>41</v>
      </c>
      <c r="K7" t="s">
        <v>42</v>
      </c>
      <c r="L7">
        <v>6201</v>
      </c>
      <c r="M7" t="s">
        <v>23</v>
      </c>
      <c r="N7" s="18">
        <v>0</v>
      </c>
      <c r="O7" s="20">
        <v>0.8</v>
      </c>
      <c r="P7" s="20">
        <v>0.2</v>
      </c>
      <c r="Q7" s="14">
        <v>0</v>
      </c>
      <c r="R7" s="14">
        <v>0</v>
      </c>
      <c r="S7" s="14"/>
    </row>
    <row r="8" spans="1:20" x14ac:dyDescent="0.35">
      <c r="A8" s="15">
        <v>6</v>
      </c>
      <c r="B8">
        <v>0</v>
      </c>
      <c r="C8">
        <v>0</v>
      </c>
      <c r="D8" s="18"/>
      <c r="E8">
        <v>2</v>
      </c>
      <c r="F8" t="s">
        <v>34</v>
      </c>
      <c r="G8" s="8">
        <v>44972</v>
      </c>
      <c r="H8" s="8">
        <v>45427</v>
      </c>
      <c r="I8" t="s">
        <v>43</v>
      </c>
      <c r="J8" t="s">
        <v>44</v>
      </c>
      <c r="K8" t="s">
        <v>45</v>
      </c>
      <c r="L8">
        <v>16126</v>
      </c>
      <c r="M8" t="s">
        <v>29</v>
      </c>
      <c r="N8" s="18">
        <v>0</v>
      </c>
      <c r="O8" s="20">
        <v>0.8</v>
      </c>
      <c r="P8" s="20">
        <v>0.2</v>
      </c>
      <c r="Q8" s="14">
        <v>0</v>
      </c>
      <c r="R8" s="14">
        <v>0</v>
      </c>
      <c r="S8" s="14"/>
    </row>
    <row r="9" spans="1:20" x14ac:dyDescent="0.35">
      <c r="A9" s="15">
        <v>7</v>
      </c>
      <c r="B9">
        <v>0</v>
      </c>
      <c r="C9">
        <v>0</v>
      </c>
      <c r="D9" s="18"/>
      <c r="E9">
        <v>2</v>
      </c>
      <c r="F9" t="s">
        <v>34</v>
      </c>
      <c r="G9" s="8">
        <v>44972</v>
      </c>
      <c r="H9" s="8">
        <v>45427</v>
      </c>
      <c r="I9" t="s">
        <v>46</v>
      </c>
      <c r="J9" t="s">
        <v>47</v>
      </c>
      <c r="K9" t="s">
        <v>48</v>
      </c>
      <c r="L9">
        <v>18025</v>
      </c>
      <c r="M9" t="s">
        <v>29</v>
      </c>
      <c r="N9" s="18">
        <v>0</v>
      </c>
      <c r="O9" s="20">
        <v>0.8</v>
      </c>
      <c r="P9" s="20">
        <v>0.2</v>
      </c>
      <c r="Q9" s="14">
        <v>0</v>
      </c>
      <c r="R9" s="14">
        <v>0</v>
      </c>
      <c r="S9" s="14"/>
    </row>
    <row r="10" spans="1:20" x14ac:dyDescent="0.35">
      <c r="A10" s="15">
        <v>8</v>
      </c>
      <c r="B10">
        <v>0</v>
      </c>
      <c r="C10">
        <v>0</v>
      </c>
      <c r="D10" s="18"/>
      <c r="E10">
        <v>2</v>
      </c>
      <c r="F10" t="s">
        <v>34</v>
      </c>
      <c r="G10" s="8">
        <v>44972</v>
      </c>
      <c r="H10" s="8">
        <v>45427</v>
      </c>
      <c r="I10" t="s">
        <v>49</v>
      </c>
      <c r="J10" t="s">
        <v>50</v>
      </c>
      <c r="K10" t="s">
        <v>51</v>
      </c>
      <c r="L10">
        <v>18010</v>
      </c>
      <c r="M10" t="s">
        <v>29</v>
      </c>
      <c r="N10" s="18">
        <v>0</v>
      </c>
      <c r="O10" s="20">
        <v>0.8</v>
      </c>
      <c r="P10" s="20">
        <v>0.2</v>
      </c>
      <c r="Q10" s="14">
        <v>0</v>
      </c>
      <c r="R10" s="14">
        <v>0</v>
      </c>
      <c r="S10" s="14"/>
    </row>
    <row r="11" spans="1:20" x14ac:dyDescent="0.35">
      <c r="A11" s="15">
        <v>9</v>
      </c>
      <c r="B11">
        <v>0</v>
      </c>
      <c r="C11">
        <v>0</v>
      </c>
      <c r="D11" s="18"/>
      <c r="E11">
        <v>2</v>
      </c>
      <c r="F11" t="s">
        <v>34</v>
      </c>
      <c r="G11" s="8">
        <v>44972</v>
      </c>
      <c r="H11" s="8">
        <v>45427</v>
      </c>
      <c r="I11" t="s">
        <v>52</v>
      </c>
      <c r="J11" t="s">
        <v>53</v>
      </c>
      <c r="K11" t="s">
        <v>22</v>
      </c>
      <c r="L11">
        <v>75794</v>
      </c>
      <c r="M11" t="s">
        <v>23</v>
      </c>
      <c r="N11" s="18">
        <v>0</v>
      </c>
      <c r="O11" s="20">
        <v>0.8</v>
      </c>
      <c r="P11" s="20">
        <v>0.2</v>
      </c>
      <c r="Q11" s="14">
        <v>0</v>
      </c>
      <c r="R11" s="14">
        <v>0</v>
      </c>
      <c r="S11" s="14"/>
    </row>
    <row r="12" spans="1:20" x14ac:dyDescent="0.35">
      <c r="A12" s="15">
        <v>10</v>
      </c>
      <c r="B12">
        <v>0</v>
      </c>
      <c r="C12">
        <v>0</v>
      </c>
      <c r="D12" s="18"/>
      <c r="E12">
        <v>2</v>
      </c>
      <c r="F12" t="s">
        <v>34</v>
      </c>
      <c r="G12" s="8">
        <v>44972</v>
      </c>
      <c r="H12" s="8">
        <v>45427</v>
      </c>
      <c r="I12" t="s">
        <v>54</v>
      </c>
      <c r="J12" t="s">
        <v>55</v>
      </c>
      <c r="K12" t="s">
        <v>45</v>
      </c>
      <c r="L12">
        <v>16149</v>
      </c>
      <c r="M12" t="s">
        <v>29</v>
      </c>
      <c r="N12" s="18">
        <v>0</v>
      </c>
      <c r="O12" s="20">
        <v>0.8</v>
      </c>
      <c r="P12" s="20">
        <v>0.2</v>
      </c>
      <c r="Q12" s="14">
        <v>0</v>
      </c>
      <c r="R12" s="14">
        <v>0</v>
      </c>
      <c r="S12" s="14"/>
    </row>
    <row r="13" spans="1:20" x14ac:dyDescent="0.35">
      <c r="A13" s="15">
        <v>3</v>
      </c>
      <c r="B13">
        <v>0</v>
      </c>
      <c r="C13">
        <v>0</v>
      </c>
      <c r="D13" s="17" t="s">
        <v>56</v>
      </c>
      <c r="E13">
        <v>2</v>
      </c>
      <c r="F13" t="s">
        <v>57</v>
      </c>
      <c r="G13" s="8">
        <v>44927</v>
      </c>
      <c r="H13" s="8">
        <v>45382</v>
      </c>
      <c r="I13" t="s">
        <v>58</v>
      </c>
      <c r="J13" t="s">
        <v>59</v>
      </c>
      <c r="K13" t="s">
        <v>60</v>
      </c>
      <c r="L13">
        <v>10064</v>
      </c>
      <c r="M13" t="s">
        <v>29</v>
      </c>
      <c r="N13" s="17">
        <v>1323500</v>
      </c>
      <c r="O13" s="20">
        <v>0.8</v>
      </c>
      <c r="P13" s="20">
        <v>0.2</v>
      </c>
      <c r="Q13" s="13" t="s">
        <v>61</v>
      </c>
      <c r="R13" s="13" t="s">
        <v>62</v>
      </c>
      <c r="S13" s="13"/>
    </row>
    <row r="14" spans="1:20" x14ac:dyDescent="0.35">
      <c r="A14" s="15">
        <v>12</v>
      </c>
      <c r="B14">
        <v>0</v>
      </c>
      <c r="C14">
        <v>0</v>
      </c>
      <c r="D14" s="18"/>
      <c r="E14">
        <v>2</v>
      </c>
      <c r="F14" t="s">
        <v>57</v>
      </c>
      <c r="G14" s="8">
        <v>44927</v>
      </c>
      <c r="H14" s="8">
        <v>45382</v>
      </c>
      <c r="I14" t="s">
        <v>63</v>
      </c>
      <c r="J14" t="s">
        <v>64</v>
      </c>
      <c r="K14" t="s">
        <v>65</v>
      </c>
      <c r="L14">
        <v>5007</v>
      </c>
      <c r="M14" t="s">
        <v>23</v>
      </c>
      <c r="N14" s="18">
        <v>0</v>
      </c>
      <c r="O14" s="20">
        <v>0.8</v>
      </c>
      <c r="P14" s="20">
        <v>0.2</v>
      </c>
      <c r="Q14" s="14">
        <v>0</v>
      </c>
      <c r="R14" s="14">
        <v>0</v>
      </c>
      <c r="S14" s="14"/>
    </row>
    <row r="15" spans="1:20" x14ac:dyDescent="0.35">
      <c r="A15" s="15">
        <v>4</v>
      </c>
      <c r="B15">
        <v>0</v>
      </c>
      <c r="C15">
        <v>0</v>
      </c>
      <c r="D15" s="17" t="s">
        <v>66</v>
      </c>
      <c r="E15">
        <v>4</v>
      </c>
      <c r="F15" t="s">
        <v>67</v>
      </c>
      <c r="G15" s="8">
        <v>44927</v>
      </c>
      <c r="H15" s="8">
        <v>45382</v>
      </c>
      <c r="I15" t="s">
        <v>68</v>
      </c>
      <c r="J15" t="s">
        <v>69</v>
      </c>
      <c r="K15" t="s">
        <v>70</v>
      </c>
      <c r="L15">
        <v>73018</v>
      </c>
      <c r="M15" t="s">
        <v>23</v>
      </c>
      <c r="N15" s="17">
        <v>2999700</v>
      </c>
      <c r="O15" s="20">
        <v>0.8</v>
      </c>
      <c r="P15" s="20">
        <v>0.2</v>
      </c>
      <c r="Q15" s="13" t="s">
        <v>71</v>
      </c>
      <c r="R15" s="13" t="s">
        <v>72</v>
      </c>
      <c r="S15" s="13"/>
    </row>
    <row r="16" spans="1:20" x14ac:dyDescent="0.35">
      <c r="A16" s="15">
        <v>14</v>
      </c>
      <c r="B16">
        <v>0</v>
      </c>
      <c r="C16">
        <v>0</v>
      </c>
      <c r="D16" s="18"/>
      <c r="E16">
        <v>4</v>
      </c>
      <c r="F16" t="s">
        <v>67</v>
      </c>
      <c r="G16" s="8">
        <v>44927</v>
      </c>
      <c r="H16" s="8">
        <v>45382</v>
      </c>
      <c r="I16" t="s">
        <v>73</v>
      </c>
      <c r="J16" t="s">
        <v>74</v>
      </c>
      <c r="K16" t="s">
        <v>75</v>
      </c>
      <c r="L16">
        <v>74000</v>
      </c>
      <c r="M16" t="s">
        <v>23</v>
      </c>
      <c r="N16" s="18">
        <v>0</v>
      </c>
      <c r="O16" s="20">
        <v>0.8</v>
      </c>
      <c r="P16" s="20">
        <v>0.2</v>
      </c>
      <c r="Q16" s="14">
        <v>0</v>
      </c>
      <c r="R16" s="14">
        <v>0</v>
      </c>
      <c r="S16" s="14"/>
    </row>
    <row r="17" spans="1:19" x14ac:dyDescent="0.35">
      <c r="A17" s="15">
        <v>15</v>
      </c>
      <c r="B17">
        <v>0</v>
      </c>
      <c r="C17">
        <v>0</v>
      </c>
      <c r="D17" s="18"/>
      <c r="E17">
        <v>4</v>
      </c>
      <c r="F17" t="s">
        <v>67</v>
      </c>
      <c r="G17" s="8">
        <v>44927</v>
      </c>
      <c r="H17" s="8">
        <v>45382</v>
      </c>
      <c r="I17" t="s">
        <v>76</v>
      </c>
      <c r="J17" t="s">
        <v>77</v>
      </c>
      <c r="K17" t="s">
        <v>78</v>
      </c>
      <c r="L17">
        <v>73004</v>
      </c>
      <c r="M17" t="s">
        <v>23</v>
      </c>
      <c r="N17" s="18">
        <v>0</v>
      </c>
      <c r="O17" s="20">
        <v>0.8</v>
      </c>
      <c r="P17" s="20">
        <v>0.2</v>
      </c>
      <c r="Q17" s="14">
        <v>0</v>
      </c>
      <c r="R17" s="14">
        <v>0</v>
      </c>
      <c r="S17" s="14"/>
    </row>
    <row r="18" spans="1:19" x14ac:dyDescent="0.35">
      <c r="A18" s="15">
        <v>16</v>
      </c>
      <c r="B18">
        <v>0</v>
      </c>
      <c r="C18">
        <v>0</v>
      </c>
      <c r="D18" s="18"/>
      <c r="E18">
        <v>4</v>
      </c>
      <c r="F18" t="s">
        <v>67</v>
      </c>
      <c r="G18" s="8">
        <v>44927</v>
      </c>
      <c r="H18" s="8">
        <v>45382</v>
      </c>
      <c r="I18" t="s">
        <v>79</v>
      </c>
      <c r="J18" t="s">
        <v>80</v>
      </c>
      <c r="K18" t="s">
        <v>81</v>
      </c>
      <c r="L18">
        <v>11100</v>
      </c>
      <c r="M18" t="s">
        <v>29</v>
      </c>
      <c r="N18" s="18">
        <v>0</v>
      </c>
      <c r="O18" s="20">
        <v>0.8</v>
      </c>
      <c r="P18" s="20">
        <v>0.2</v>
      </c>
      <c r="Q18" s="14">
        <v>0</v>
      </c>
      <c r="R18" s="14">
        <v>0</v>
      </c>
      <c r="S18" s="14"/>
    </row>
    <row r="19" spans="1:19" x14ac:dyDescent="0.35">
      <c r="A19" s="15">
        <v>17</v>
      </c>
      <c r="B19">
        <v>0</v>
      </c>
      <c r="C19">
        <v>0</v>
      </c>
      <c r="D19" s="18"/>
      <c r="E19">
        <v>4</v>
      </c>
      <c r="F19" t="s">
        <v>67</v>
      </c>
      <c r="G19" s="8">
        <v>44927</v>
      </c>
      <c r="H19" s="8">
        <v>45382</v>
      </c>
      <c r="I19" t="s">
        <v>82</v>
      </c>
      <c r="J19" t="s">
        <v>83</v>
      </c>
      <c r="K19" t="s">
        <v>84</v>
      </c>
      <c r="L19">
        <v>11013</v>
      </c>
      <c r="M19" t="s">
        <v>29</v>
      </c>
      <c r="N19" s="18">
        <v>0</v>
      </c>
      <c r="O19" s="20">
        <v>0.8</v>
      </c>
      <c r="P19" s="20">
        <v>0.2</v>
      </c>
      <c r="Q19" s="14">
        <v>0</v>
      </c>
      <c r="R19" s="14">
        <v>0</v>
      </c>
      <c r="S19" s="14"/>
    </row>
    <row r="20" spans="1:19" x14ac:dyDescent="0.35">
      <c r="A20" s="15">
        <v>5</v>
      </c>
      <c r="B20">
        <v>0</v>
      </c>
      <c r="C20">
        <v>0</v>
      </c>
      <c r="D20" s="17" t="s">
        <v>85</v>
      </c>
      <c r="E20">
        <v>4</v>
      </c>
      <c r="F20" t="s">
        <v>86</v>
      </c>
      <c r="G20" s="8">
        <v>44927</v>
      </c>
      <c r="H20" s="8">
        <v>45382</v>
      </c>
      <c r="I20" t="s">
        <v>87</v>
      </c>
      <c r="J20" t="s">
        <v>88</v>
      </c>
      <c r="K20" t="s">
        <v>84</v>
      </c>
      <c r="L20">
        <v>11013</v>
      </c>
      <c r="M20" t="s">
        <v>29</v>
      </c>
      <c r="N20" s="17">
        <v>956016.59</v>
      </c>
      <c r="O20" s="20">
        <v>0.79999999057465898</v>
      </c>
      <c r="P20" s="20">
        <v>0.20000000942534096</v>
      </c>
      <c r="Q20" s="13" t="s">
        <v>89</v>
      </c>
      <c r="R20" s="13" t="s">
        <v>90</v>
      </c>
      <c r="S20" s="13"/>
    </row>
    <row r="21" spans="1:19" x14ac:dyDescent="0.35">
      <c r="A21" s="15">
        <v>19</v>
      </c>
      <c r="B21">
        <v>0</v>
      </c>
      <c r="C21">
        <v>0</v>
      </c>
      <c r="D21" s="18"/>
      <c r="E21">
        <v>4</v>
      </c>
      <c r="F21" t="s">
        <v>86</v>
      </c>
      <c r="G21" s="8">
        <v>44927</v>
      </c>
      <c r="H21" s="8">
        <v>45382</v>
      </c>
      <c r="I21" t="s">
        <v>91</v>
      </c>
      <c r="J21" t="s">
        <v>92</v>
      </c>
      <c r="K21" t="s">
        <v>93</v>
      </c>
      <c r="L21">
        <v>74400</v>
      </c>
      <c r="M21" t="s">
        <v>23</v>
      </c>
      <c r="N21" s="18">
        <v>0</v>
      </c>
      <c r="O21" s="20">
        <v>0.8</v>
      </c>
      <c r="P21" s="20">
        <v>0.2</v>
      </c>
      <c r="Q21" s="14">
        <v>0</v>
      </c>
      <c r="R21" s="14">
        <v>0</v>
      </c>
      <c r="S21" s="14"/>
    </row>
    <row r="22" spans="1:19" x14ac:dyDescent="0.35">
      <c r="A22" s="15">
        <v>20</v>
      </c>
      <c r="B22">
        <v>0</v>
      </c>
      <c r="C22">
        <v>0</v>
      </c>
      <c r="D22" s="18"/>
      <c r="E22">
        <v>4</v>
      </c>
      <c r="F22" t="s">
        <v>86</v>
      </c>
      <c r="G22" s="8">
        <v>44927</v>
      </c>
      <c r="H22" s="8">
        <v>45382</v>
      </c>
      <c r="I22" t="s">
        <v>79</v>
      </c>
      <c r="J22" t="s">
        <v>80</v>
      </c>
      <c r="K22" t="s">
        <v>81</v>
      </c>
      <c r="L22">
        <v>11100</v>
      </c>
      <c r="M22" t="s">
        <v>29</v>
      </c>
      <c r="N22" s="18">
        <v>0</v>
      </c>
      <c r="O22" s="20">
        <v>0.8</v>
      </c>
      <c r="P22" s="20">
        <v>0.2</v>
      </c>
      <c r="Q22" s="14">
        <v>0</v>
      </c>
      <c r="R22" s="14">
        <v>0</v>
      </c>
      <c r="S22" s="14"/>
    </row>
    <row r="23" spans="1:19" x14ac:dyDescent="0.35">
      <c r="A23" s="15">
        <v>6</v>
      </c>
      <c r="B23">
        <v>0</v>
      </c>
      <c r="C23">
        <v>0</v>
      </c>
      <c r="D23" s="17" t="s">
        <v>94</v>
      </c>
      <c r="E23">
        <v>4</v>
      </c>
      <c r="F23" t="s">
        <v>86</v>
      </c>
      <c r="G23" s="8">
        <v>45000</v>
      </c>
      <c r="H23" s="8">
        <v>45427</v>
      </c>
      <c r="I23" t="s">
        <v>95</v>
      </c>
      <c r="J23" t="s">
        <v>96</v>
      </c>
      <c r="K23" t="s">
        <v>42</v>
      </c>
      <c r="L23">
        <v>6201</v>
      </c>
      <c r="M23" t="s">
        <v>23</v>
      </c>
      <c r="N23" s="17">
        <v>1877250</v>
      </c>
      <c r="O23" s="20">
        <v>0.8</v>
      </c>
      <c r="P23" s="20">
        <v>0.2</v>
      </c>
      <c r="Q23" s="13" t="s">
        <v>97</v>
      </c>
      <c r="R23" s="13" t="s">
        <v>98</v>
      </c>
      <c r="S23" s="13"/>
    </row>
    <row r="24" spans="1:19" x14ac:dyDescent="0.35">
      <c r="A24" s="15">
        <v>22</v>
      </c>
      <c r="B24">
        <v>0</v>
      </c>
      <c r="C24">
        <v>0</v>
      </c>
      <c r="D24" s="18"/>
      <c r="E24">
        <v>4</v>
      </c>
      <c r="F24" t="s">
        <v>86</v>
      </c>
      <c r="G24" s="8">
        <v>45000</v>
      </c>
      <c r="H24" s="8">
        <v>45427</v>
      </c>
      <c r="I24" t="s">
        <v>99</v>
      </c>
      <c r="J24" t="s">
        <v>100</v>
      </c>
      <c r="K24" t="s">
        <v>42</v>
      </c>
      <c r="L24">
        <v>6203</v>
      </c>
      <c r="M24" t="s">
        <v>23</v>
      </c>
      <c r="N24" s="18">
        <v>0</v>
      </c>
      <c r="O24" s="20">
        <v>0.8</v>
      </c>
      <c r="P24" s="20">
        <v>0.2</v>
      </c>
      <c r="Q24" s="14">
        <v>0</v>
      </c>
      <c r="R24" s="14">
        <v>0</v>
      </c>
      <c r="S24" s="14"/>
    </row>
    <row r="25" spans="1:19" x14ac:dyDescent="0.35">
      <c r="A25" s="15">
        <v>23</v>
      </c>
      <c r="B25">
        <v>0</v>
      </c>
      <c r="C25">
        <v>0</v>
      </c>
      <c r="D25" s="18"/>
      <c r="E25">
        <v>4</v>
      </c>
      <c r="F25" t="s">
        <v>86</v>
      </c>
      <c r="G25" s="8">
        <v>45000</v>
      </c>
      <c r="H25" s="8">
        <v>45427</v>
      </c>
      <c r="I25" t="s">
        <v>101</v>
      </c>
      <c r="J25" t="s">
        <v>102</v>
      </c>
      <c r="K25" t="s">
        <v>103</v>
      </c>
      <c r="L25">
        <v>6414</v>
      </c>
      <c r="M25" t="s">
        <v>23</v>
      </c>
      <c r="N25" s="18">
        <v>0</v>
      </c>
      <c r="O25" s="20">
        <v>0.8</v>
      </c>
      <c r="P25" s="20">
        <v>0.2</v>
      </c>
      <c r="Q25" s="14">
        <v>0</v>
      </c>
      <c r="R25" s="14">
        <v>0</v>
      </c>
      <c r="S25" s="14"/>
    </row>
    <row r="26" spans="1:19" x14ac:dyDescent="0.35">
      <c r="A26" s="15">
        <v>24</v>
      </c>
      <c r="B26">
        <v>0</v>
      </c>
      <c r="C26">
        <v>0</v>
      </c>
      <c r="D26" s="18"/>
      <c r="E26">
        <v>4</v>
      </c>
      <c r="F26" t="s">
        <v>86</v>
      </c>
      <c r="G26" s="8">
        <v>45000</v>
      </c>
      <c r="H26" s="8">
        <v>45427</v>
      </c>
      <c r="I26" t="s">
        <v>104</v>
      </c>
      <c r="J26" t="s">
        <v>105</v>
      </c>
      <c r="K26" t="s">
        <v>106</v>
      </c>
      <c r="L26">
        <v>18100</v>
      </c>
      <c r="M26" t="s">
        <v>29</v>
      </c>
      <c r="N26" s="18">
        <v>0</v>
      </c>
      <c r="O26" s="20">
        <v>0.8</v>
      </c>
      <c r="P26" s="20">
        <v>0.2</v>
      </c>
      <c r="Q26" s="14">
        <v>0</v>
      </c>
      <c r="R26" s="14">
        <v>0</v>
      </c>
      <c r="S26" s="14"/>
    </row>
    <row r="27" spans="1:19" x14ac:dyDescent="0.35">
      <c r="A27" s="15">
        <v>25</v>
      </c>
      <c r="B27">
        <v>0</v>
      </c>
      <c r="C27">
        <v>0</v>
      </c>
      <c r="D27" s="18"/>
      <c r="E27">
        <v>4</v>
      </c>
      <c r="F27" t="s">
        <v>86</v>
      </c>
      <c r="G27" s="8">
        <v>45000</v>
      </c>
      <c r="H27" s="8">
        <v>45427</v>
      </c>
      <c r="I27" t="s">
        <v>107</v>
      </c>
      <c r="J27" t="s">
        <v>108</v>
      </c>
      <c r="K27" t="s">
        <v>109</v>
      </c>
      <c r="L27">
        <v>18017</v>
      </c>
      <c r="M27" t="s">
        <v>29</v>
      </c>
      <c r="N27" s="18">
        <v>0</v>
      </c>
      <c r="O27" s="20">
        <v>0.8</v>
      </c>
      <c r="P27" s="20">
        <v>0.2</v>
      </c>
      <c r="Q27" s="14">
        <v>0</v>
      </c>
      <c r="R27" s="14">
        <v>0</v>
      </c>
      <c r="S27" s="14"/>
    </row>
    <row r="28" spans="1:19" x14ac:dyDescent="0.35">
      <c r="A28" s="15">
        <v>26</v>
      </c>
      <c r="B28">
        <v>0</v>
      </c>
      <c r="C28">
        <v>0</v>
      </c>
      <c r="D28" s="18"/>
      <c r="E28">
        <v>4</v>
      </c>
      <c r="F28" t="s">
        <v>86</v>
      </c>
      <c r="G28" s="8">
        <v>45000</v>
      </c>
      <c r="H28" s="8">
        <v>45427</v>
      </c>
      <c r="I28" t="s">
        <v>110</v>
      </c>
      <c r="J28" t="s">
        <v>111</v>
      </c>
      <c r="K28" t="s">
        <v>112</v>
      </c>
      <c r="L28">
        <v>18038</v>
      </c>
      <c r="M28" t="s">
        <v>29</v>
      </c>
      <c r="N28" s="18">
        <v>0</v>
      </c>
      <c r="O28" s="20">
        <v>0.8</v>
      </c>
      <c r="P28" s="20">
        <v>0.2</v>
      </c>
      <c r="Q28" s="14">
        <v>0</v>
      </c>
      <c r="R28" s="14">
        <v>0</v>
      </c>
      <c r="S28" s="14"/>
    </row>
    <row r="29" spans="1:19" x14ac:dyDescent="0.35">
      <c r="A29" s="15">
        <v>27</v>
      </c>
      <c r="B29">
        <v>0</v>
      </c>
      <c r="C29">
        <v>0</v>
      </c>
      <c r="D29" s="18"/>
      <c r="E29">
        <v>4</v>
      </c>
      <c r="F29" t="s">
        <v>86</v>
      </c>
      <c r="G29" s="8">
        <v>45000</v>
      </c>
      <c r="H29" s="8">
        <v>45427</v>
      </c>
      <c r="I29" t="s">
        <v>113</v>
      </c>
      <c r="J29" t="s">
        <v>114</v>
      </c>
      <c r="K29" t="s">
        <v>45</v>
      </c>
      <c r="L29">
        <v>16121</v>
      </c>
      <c r="M29" t="s">
        <v>29</v>
      </c>
      <c r="N29" s="18">
        <v>0</v>
      </c>
      <c r="O29" s="20">
        <v>0.8</v>
      </c>
      <c r="P29" s="20">
        <v>0.2</v>
      </c>
      <c r="Q29" s="14">
        <v>0</v>
      </c>
      <c r="R29" s="14">
        <v>0</v>
      </c>
      <c r="S29" s="14"/>
    </row>
    <row r="30" spans="1:19" x14ac:dyDescent="0.35">
      <c r="A30" s="15">
        <v>7</v>
      </c>
      <c r="B30">
        <v>0</v>
      </c>
      <c r="C30">
        <v>0</v>
      </c>
      <c r="D30" s="17" t="s">
        <v>115</v>
      </c>
      <c r="E30">
        <v>4</v>
      </c>
      <c r="F30" t="s">
        <v>86</v>
      </c>
      <c r="G30" s="8">
        <v>44958</v>
      </c>
      <c r="H30" s="8">
        <v>45412</v>
      </c>
      <c r="I30" t="s">
        <v>116</v>
      </c>
      <c r="J30" t="s">
        <v>117</v>
      </c>
      <c r="K30" t="s">
        <v>118</v>
      </c>
      <c r="L30">
        <v>10078</v>
      </c>
      <c r="M30" t="s">
        <v>29</v>
      </c>
      <c r="N30" s="17">
        <v>542140</v>
      </c>
      <c r="O30" s="20">
        <v>0.8</v>
      </c>
      <c r="P30" s="20">
        <v>0.2</v>
      </c>
      <c r="Q30" s="13" t="s">
        <v>119</v>
      </c>
      <c r="R30" s="13" t="s">
        <v>120</v>
      </c>
      <c r="S30" s="13"/>
    </row>
    <row r="31" spans="1:19" x14ac:dyDescent="0.35">
      <c r="A31" s="15">
        <v>29</v>
      </c>
      <c r="B31">
        <v>0</v>
      </c>
      <c r="C31">
        <v>0</v>
      </c>
      <c r="D31" s="18"/>
      <c r="E31">
        <v>4</v>
      </c>
      <c r="F31" t="s">
        <v>86</v>
      </c>
      <c r="G31" s="8">
        <v>44958</v>
      </c>
      <c r="H31" s="8">
        <v>45412</v>
      </c>
      <c r="I31" t="s">
        <v>121</v>
      </c>
      <c r="J31" t="s">
        <v>122</v>
      </c>
      <c r="K31" t="s">
        <v>123</v>
      </c>
      <c r="L31">
        <v>12100</v>
      </c>
      <c r="M31" t="s">
        <v>29</v>
      </c>
      <c r="N31" s="18">
        <v>0</v>
      </c>
      <c r="O31" s="20">
        <v>0.8</v>
      </c>
      <c r="P31" s="20">
        <v>0.2</v>
      </c>
      <c r="Q31" s="14">
        <v>0</v>
      </c>
      <c r="R31" s="14">
        <v>0</v>
      </c>
      <c r="S31" s="14"/>
    </row>
    <row r="32" spans="1:19" x14ac:dyDescent="0.35">
      <c r="A32" s="15">
        <v>30</v>
      </c>
      <c r="B32">
        <v>0</v>
      </c>
      <c r="C32">
        <v>0</v>
      </c>
      <c r="D32" s="18"/>
      <c r="E32">
        <v>4</v>
      </c>
      <c r="F32" t="s">
        <v>86</v>
      </c>
      <c r="G32" s="8">
        <v>44958</v>
      </c>
      <c r="H32" s="8">
        <v>45412</v>
      </c>
      <c r="I32" t="s">
        <v>124</v>
      </c>
      <c r="J32" t="s">
        <v>125</v>
      </c>
      <c r="K32" t="s">
        <v>32</v>
      </c>
      <c r="L32">
        <v>10132</v>
      </c>
      <c r="M32" t="s">
        <v>29</v>
      </c>
      <c r="N32" s="18">
        <v>0</v>
      </c>
      <c r="O32" s="20">
        <v>0.8</v>
      </c>
      <c r="P32" s="20">
        <v>0.2</v>
      </c>
      <c r="Q32" s="14">
        <v>0</v>
      </c>
      <c r="R32" s="14">
        <v>0</v>
      </c>
      <c r="S32" s="14"/>
    </row>
    <row r="33" spans="1:19" x14ac:dyDescent="0.35">
      <c r="A33" s="15">
        <v>31</v>
      </c>
      <c r="B33">
        <v>0</v>
      </c>
      <c r="C33">
        <v>0</v>
      </c>
      <c r="D33" s="18"/>
      <c r="E33">
        <v>4</v>
      </c>
      <c r="F33" t="s">
        <v>86</v>
      </c>
      <c r="G33" s="8">
        <v>44958</v>
      </c>
      <c r="H33" s="8">
        <v>45412</v>
      </c>
      <c r="I33" t="s">
        <v>126</v>
      </c>
      <c r="J33" t="s">
        <v>127</v>
      </c>
      <c r="K33" t="s">
        <v>128</v>
      </c>
      <c r="L33">
        <v>74600</v>
      </c>
      <c r="M33" t="s">
        <v>23</v>
      </c>
      <c r="N33" s="18">
        <v>0</v>
      </c>
      <c r="O33" s="20">
        <v>0.8</v>
      </c>
      <c r="P33" s="20">
        <v>0.2</v>
      </c>
      <c r="Q33" s="14">
        <v>0</v>
      </c>
      <c r="R33" s="14">
        <v>0</v>
      </c>
      <c r="S33" s="14"/>
    </row>
    <row r="34" spans="1:19" x14ac:dyDescent="0.35">
      <c r="A34" s="15">
        <v>8</v>
      </c>
      <c r="B34">
        <v>0</v>
      </c>
      <c r="C34">
        <v>0</v>
      </c>
      <c r="D34" s="17" t="s">
        <v>129</v>
      </c>
      <c r="E34">
        <v>4</v>
      </c>
      <c r="F34" t="s">
        <v>86</v>
      </c>
      <c r="G34" s="8">
        <v>44197</v>
      </c>
      <c r="H34" s="8">
        <v>47239</v>
      </c>
      <c r="I34" t="s">
        <v>130</v>
      </c>
      <c r="J34" t="s">
        <v>131</v>
      </c>
      <c r="K34" t="s">
        <v>132</v>
      </c>
      <c r="L34">
        <v>4995</v>
      </c>
      <c r="M34" t="s">
        <v>23</v>
      </c>
      <c r="N34" s="17">
        <v>783056</v>
      </c>
      <c r="O34" s="20">
        <v>0.79999999999999993</v>
      </c>
      <c r="P34" s="20">
        <v>0.20000000000000004</v>
      </c>
      <c r="Q34" s="13" t="s">
        <v>133</v>
      </c>
      <c r="R34" s="13" t="s">
        <v>134</v>
      </c>
      <c r="S34" s="13"/>
    </row>
    <row r="35" spans="1:19" x14ac:dyDescent="0.35">
      <c r="A35" s="15">
        <v>33</v>
      </c>
      <c r="B35">
        <v>0</v>
      </c>
      <c r="C35">
        <v>0</v>
      </c>
      <c r="D35" s="18"/>
      <c r="E35">
        <v>4</v>
      </c>
      <c r="F35" t="s">
        <v>86</v>
      </c>
      <c r="G35" s="8">
        <v>44197</v>
      </c>
      <c r="H35" s="8">
        <v>47239</v>
      </c>
      <c r="I35" t="s">
        <v>121</v>
      </c>
      <c r="J35" t="s">
        <v>122</v>
      </c>
      <c r="K35" t="s">
        <v>123</v>
      </c>
      <c r="L35">
        <v>12100</v>
      </c>
      <c r="M35" t="s">
        <v>29</v>
      </c>
      <c r="N35" s="18">
        <v>0</v>
      </c>
      <c r="O35" s="20">
        <v>0.8</v>
      </c>
      <c r="P35" s="20">
        <v>0.2</v>
      </c>
      <c r="Q35" s="14">
        <v>0</v>
      </c>
      <c r="R35" s="14">
        <v>0</v>
      </c>
      <c r="S35" s="14"/>
    </row>
    <row r="36" spans="1:19" x14ac:dyDescent="0.35">
      <c r="A36" s="15">
        <v>34</v>
      </c>
      <c r="B36">
        <v>0</v>
      </c>
      <c r="C36">
        <v>0</v>
      </c>
      <c r="D36" s="18"/>
      <c r="E36">
        <v>4</v>
      </c>
      <c r="F36" t="s">
        <v>86</v>
      </c>
      <c r="G36" s="8">
        <v>44197</v>
      </c>
      <c r="H36" s="8">
        <v>47239</v>
      </c>
      <c r="I36" t="s">
        <v>135</v>
      </c>
      <c r="J36" t="s">
        <v>136</v>
      </c>
      <c r="K36" t="s">
        <v>137</v>
      </c>
      <c r="L36">
        <v>12045</v>
      </c>
      <c r="M36" t="s">
        <v>29</v>
      </c>
      <c r="N36" s="18">
        <v>0</v>
      </c>
      <c r="O36" s="20">
        <v>0.8</v>
      </c>
      <c r="P36" s="20">
        <v>0.2</v>
      </c>
      <c r="Q36" s="14">
        <v>0</v>
      </c>
      <c r="R36" s="14">
        <v>0</v>
      </c>
      <c r="S36" s="14"/>
    </row>
    <row r="37" spans="1:19" x14ac:dyDescent="0.35">
      <c r="A37" s="15">
        <v>9</v>
      </c>
      <c r="B37">
        <v>0</v>
      </c>
      <c r="C37">
        <v>0</v>
      </c>
      <c r="D37" s="17" t="s">
        <v>138</v>
      </c>
      <c r="E37">
        <v>4</v>
      </c>
      <c r="F37" t="s">
        <v>86</v>
      </c>
      <c r="G37" s="8">
        <v>44986</v>
      </c>
      <c r="H37" s="8">
        <v>45443</v>
      </c>
      <c r="I37" t="s">
        <v>43</v>
      </c>
      <c r="J37" t="s">
        <v>44</v>
      </c>
      <c r="K37" t="s">
        <v>45</v>
      </c>
      <c r="L37">
        <v>16126</v>
      </c>
      <c r="M37" t="s">
        <v>29</v>
      </c>
      <c r="N37" s="17">
        <v>1860610.1</v>
      </c>
      <c r="O37" s="20">
        <v>0.79999999999999993</v>
      </c>
      <c r="P37" s="20">
        <v>0.20000000000000004</v>
      </c>
      <c r="Q37" s="13" t="s">
        <v>139</v>
      </c>
      <c r="R37" s="13" t="s">
        <v>140</v>
      </c>
      <c r="S37" s="13"/>
    </row>
    <row r="38" spans="1:19" x14ac:dyDescent="0.35">
      <c r="A38" s="15">
        <v>36</v>
      </c>
      <c r="B38">
        <v>0</v>
      </c>
      <c r="C38">
        <v>0</v>
      </c>
      <c r="D38" s="18"/>
      <c r="E38">
        <v>4</v>
      </c>
      <c r="F38" t="s">
        <v>86</v>
      </c>
      <c r="G38" s="8">
        <v>44986</v>
      </c>
      <c r="H38" s="8">
        <v>45443</v>
      </c>
      <c r="I38" t="s">
        <v>20</v>
      </c>
      <c r="J38" t="s">
        <v>21</v>
      </c>
      <c r="K38" t="s">
        <v>22</v>
      </c>
      <c r="L38">
        <v>75338</v>
      </c>
      <c r="M38" t="s">
        <v>23</v>
      </c>
      <c r="N38" s="18">
        <v>0</v>
      </c>
      <c r="O38" s="20">
        <v>0.8</v>
      </c>
      <c r="P38" s="20">
        <v>0.19999999999999996</v>
      </c>
      <c r="Q38" s="14">
        <v>0</v>
      </c>
      <c r="R38" s="14">
        <v>0</v>
      </c>
      <c r="S38" s="14"/>
    </row>
    <row r="39" spans="1:19" x14ac:dyDescent="0.35">
      <c r="A39" s="15">
        <v>37</v>
      </c>
      <c r="B39">
        <v>0</v>
      </c>
      <c r="C39">
        <v>0</v>
      </c>
      <c r="D39" s="18"/>
      <c r="E39">
        <v>4</v>
      </c>
      <c r="F39" t="s">
        <v>86</v>
      </c>
      <c r="G39" s="8">
        <v>44986</v>
      </c>
      <c r="H39" s="8">
        <v>45443</v>
      </c>
      <c r="I39" t="s">
        <v>141</v>
      </c>
      <c r="J39" t="s">
        <v>142</v>
      </c>
      <c r="K39" t="s">
        <v>143</v>
      </c>
      <c r="L39">
        <v>18039</v>
      </c>
      <c r="M39" t="s">
        <v>29</v>
      </c>
      <c r="N39" s="18">
        <v>0</v>
      </c>
      <c r="O39" s="20">
        <v>0.79999999999999993</v>
      </c>
      <c r="P39" s="20">
        <v>0.20000000000000009</v>
      </c>
      <c r="Q39" s="14">
        <v>0</v>
      </c>
      <c r="R39" s="14">
        <v>0</v>
      </c>
      <c r="S39" s="14"/>
    </row>
    <row r="40" spans="1:19" x14ac:dyDescent="0.35">
      <c r="A40" s="15">
        <v>38</v>
      </c>
      <c r="B40">
        <v>0</v>
      </c>
      <c r="C40">
        <v>0</v>
      </c>
      <c r="D40" s="18"/>
      <c r="E40">
        <v>4</v>
      </c>
      <c r="F40" t="s">
        <v>86</v>
      </c>
      <c r="G40" s="8">
        <v>44986</v>
      </c>
      <c r="H40" s="8">
        <v>45443</v>
      </c>
      <c r="I40" t="s">
        <v>144</v>
      </c>
      <c r="J40" t="s">
        <v>145</v>
      </c>
      <c r="K40" t="s">
        <v>37</v>
      </c>
      <c r="L40">
        <v>6500</v>
      </c>
      <c r="M40" t="s">
        <v>23</v>
      </c>
      <c r="N40" s="18">
        <v>0</v>
      </c>
      <c r="O40" s="20">
        <v>0.8</v>
      </c>
      <c r="P40" s="20">
        <v>0.2</v>
      </c>
      <c r="Q40" s="14">
        <v>0</v>
      </c>
      <c r="R40" s="14">
        <v>0</v>
      </c>
      <c r="S40" s="14"/>
    </row>
    <row r="41" spans="1:19" x14ac:dyDescent="0.35">
      <c r="A41" s="15">
        <v>10</v>
      </c>
      <c r="B41">
        <v>0</v>
      </c>
      <c r="C41">
        <v>0</v>
      </c>
      <c r="D41" s="17" t="s">
        <v>146</v>
      </c>
      <c r="E41">
        <v>4</v>
      </c>
      <c r="F41" t="s">
        <v>86</v>
      </c>
      <c r="G41" s="8">
        <v>44927</v>
      </c>
      <c r="H41" s="8">
        <v>45382</v>
      </c>
      <c r="I41" t="s">
        <v>147</v>
      </c>
      <c r="J41" t="s">
        <v>148</v>
      </c>
      <c r="K41" t="s">
        <v>123</v>
      </c>
      <c r="L41">
        <v>12100</v>
      </c>
      <c r="M41" t="s">
        <v>29</v>
      </c>
      <c r="N41" s="17">
        <v>325327.87</v>
      </c>
      <c r="O41" s="20">
        <v>0.80000002320407437</v>
      </c>
      <c r="P41" s="20">
        <v>0.19999997679592565</v>
      </c>
      <c r="Q41" s="13" t="s">
        <v>149</v>
      </c>
      <c r="R41" s="13" t="s">
        <v>150</v>
      </c>
      <c r="S41" s="13"/>
    </row>
    <row r="42" spans="1:19" x14ac:dyDescent="0.35">
      <c r="A42" s="15">
        <v>40</v>
      </c>
      <c r="B42">
        <v>0</v>
      </c>
      <c r="C42">
        <v>0</v>
      </c>
      <c r="D42" s="18"/>
      <c r="E42">
        <v>4</v>
      </c>
      <c r="F42" t="s">
        <v>86</v>
      </c>
      <c r="G42" s="8">
        <v>44927</v>
      </c>
      <c r="H42" s="8">
        <v>45382</v>
      </c>
      <c r="I42" t="s">
        <v>151</v>
      </c>
      <c r="J42" t="s">
        <v>152</v>
      </c>
      <c r="K42" t="s">
        <v>153</v>
      </c>
      <c r="L42">
        <v>4990</v>
      </c>
      <c r="M42" t="s">
        <v>23</v>
      </c>
      <c r="N42" s="18">
        <v>0</v>
      </c>
      <c r="O42" s="20">
        <v>0.79999999999999993</v>
      </c>
      <c r="P42" s="20">
        <v>0.20000000000000007</v>
      </c>
      <c r="Q42" s="14">
        <v>0</v>
      </c>
      <c r="R42" s="14">
        <v>0</v>
      </c>
      <c r="S42" s="14"/>
    </row>
    <row r="43" spans="1:19" x14ac:dyDescent="0.35">
      <c r="A43" s="15">
        <v>11</v>
      </c>
      <c r="B43">
        <v>0</v>
      </c>
      <c r="C43">
        <v>0</v>
      </c>
      <c r="D43" s="17" t="s">
        <v>154</v>
      </c>
      <c r="E43">
        <v>4</v>
      </c>
      <c r="F43" t="s">
        <v>86</v>
      </c>
      <c r="G43" s="8">
        <v>44958</v>
      </c>
      <c r="H43" s="8">
        <v>45412</v>
      </c>
      <c r="I43" t="s">
        <v>155</v>
      </c>
      <c r="J43" t="s">
        <v>156</v>
      </c>
      <c r="K43" t="s">
        <v>157</v>
      </c>
      <c r="L43">
        <v>12037</v>
      </c>
      <c r="M43" t="s">
        <v>29</v>
      </c>
      <c r="N43" s="17">
        <v>775306.39</v>
      </c>
      <c r="O43" s="20">
        <v>0.79999998729823163</v>
      </c>
      <c r="P43" s="20">
        <v>0.20000001270176843</v>
      </c>
      <c r="Q43" s="13" t="s">
        <v>158</v>
      </c>
      <c r="R43" s="13" t="s">
        <v>159</v>
      </c>
      <c r="S43" s="13"/>
    </row>
    <row r="44" spans="1:19" x14ac:dyDescent="0.35">
      <c r="A44" s="15">
        <v>42</v>
      </c>
      <c r="B44">
        <v>0</v>
      </c>
      <c r="C44">
        <v>0</v>
      </c>
      <c r="D44" s="18"/>
      <c r="E44">
        <v>4</v>
      </c>
      <c r="F44" t="s">
        <v>86</v>
      </c>
      <c r="G44" s="8">
        <v>44958</v>
      </c>
      <c r="H44" s="8">
        <v>45412</v>
      </c>
      <c r="I44" t="s">
        <v>160</v>
      </c>
      <c r="J44" t="s">
        <v>161</v>
      </c>
      <c r="K44" t="s">
        <v>162</v>
      </c>
      <c r="L44">
        <v>5200</v>
      </c>
      <c r="M44" t="s">
        <v>23</v>
      </c>
      <c r="N44" s="18">
        <v>0</v>
      </c>
      <c r="O44" s="20">
        <v>0.8</v>
      </c>
      <c r="P44" s="20">
        <v>0.2</v>
      </c>
      <c r="Q44" s="14">
        <v>0</v>
      </c>
      <c r="R44" s="14">
        <v>0</v>
      </c>
      <c r="S44" s="14"/>
    </row>
    <row r="45" spans="1:19" x14ac:dyDescent="0.35">
      <c r="A45" s="15">
        <v>43</v>
      </c>
      <c r="B45">
        <v>0</v>
      </c>
      <c r="C45">
        <v>0</v>
      </c>
      <c r="D45" s="18"/>
      <c r="E45">
        <v>4</v>
      </c>
      <c r="F45" t="s">
        <v>86</v>
      </c>
      <c r="G45" s="8">
        <v>44958</v>
      </c>
      <c r="H45" s="8">
        <v>45412</v>
      </c>
      <c r="I45" t="s">
        <v>163</v>
      </c>
      <c r="J45" t="s">
        <v>164</v>
      </c>
      <c r="K45" t="s">
        <v>165</v>
      </c>
      <c r="L45">
        <v>5600</v>
      </c>
      <c r="M45" t="s">
        <v>23</v>
      </c>
      <c r="N45" s="18">
        <v>0</v>
      </c>
      <c r="O45" s="20">
        <v>0.8</v>
      </c>
      <c r="P45" s="20">
        <v>0.2</v>
      </c>
      <c r="Q45" s="14">
        <v>0</v>
      </c>
      <c r="R45" s="14">
        <v>0</v>
      </c>
      <c r="S45" s="14"/>
    </row>
    <row r="46" spans="1:19" x14ac:dyDescent="0.35">
      <c r="A46" s="15">
        <v>44</v>
      </c>
      <c r="B46">
        <v>0</v>
      </c>
      <c r="C46">
        <v>0</v>
      </c>
      <c r="D46" s="18"/>
      <c r="E46">
        <v>4</v>
      </c>
      <c r="F46" t="s">
        <v>86</v>
      </c>
      <c r="G46" s="8">
        <v>44958</v>
      </c>
      <c r="H46" s="8">
        <v>45412</v>
      </c>
      <c r="I46" t="s">
        <v>166</v>
      </c>
      <c r="J46" t="s">
        <v>167</v>
      </c>
      <c r="K46" t="s">
        <v>168</v>
      </c>
      <c r="L46">
        <v>12020</v>
      </c>
      <c r="M46" t="s">
        <v>29</v>
      </c>
      <c r="N46" s="18">
        <v>0</v>
      </c>
      <c r="O46" s="20">
        <v>0.8</v>
      </c>
      <c r="P46" s="20">
        <v>0.19999999999999996</v>
      </c>
      <c r="Q46" s="14">
        <v>0</v>
      </c>
      <c r="R46" s="14">
        <v>0</v>
      </c>
      <c r="S46" s="14"/>
    </row>
    <row r="47" spans="1:19" x14ac:dyDescent="0.35">
      <c r="A47" s="15">
        <v>45</v>
      </c>
      <c r="B47">
        <v>0</v>
      </c>
      <c r="C47">
        <v>0</v>
      </c>
      <c r="D47" s="18"/>
      <c r="E47">
        <v>4</v>
      </c>
      <c r="F47" t="s">
        <v>86</v>
      </c>
      <c r="G47" s="8">
        <v>44958</v>
      </c>
      <c r="H47" s="8">
        <v>45412</v>
      </c>
      <c r="I47" t="s">
        <v>169</v>
      </c>
      <c r="J47" t="s">
        <v>170</v>
      </c>
      <c r="K47" t="s">
        <v>171</v>
      </c>
      <c r="L47">
        <v>12029</v>
      </c>
      <c r="M47" t="s">
        <v>29</v>
      </c>
      <c r="N47" s="18">
        <v>0</v>
      </c>
      <c r="O47" s="20">
        <v>0.79999999999999993</v>
      </c>
      <c r="P47" s="20">
        <v>0.20000000000000007</v>
      </c>
      <c r="Q47" s="14">
        <v>0</v>
      </c>
      <c r="R47" s="14">
        <v>0</v>
      </c>
      <c r="S47" s="14"/>
    </row>
    <row r="48" spans="1:19" x14ac:dyDescent="0.35">
      <c r="A48" s="15">
        <v>46</v>
      </c>
      <c r="B48">
        <v>0</v>
      </c>
      <c r="C48">
        <v>0</v>
      </c>
      <c r="D48" s="18"/>
      <c r="E48">
        <v>4</v>
      </c>
      <c r="F48" t="s">
        <v>86</v>
      </c>
      <c r="G48" s="8">
        <v>44958</v>
      </c>
      <c r="H48" s="8">
        <v>45412</v>
      </c>
      <c r="I48" t="s">
        <v>172</v>
      </c>
      <c r="J48" t="s">
        <v>173</v>
      </c>
      <c r="K48" t="s">
        <v>174</v>
      </c>
      <c r="L48">
        <v>12020</v>
      </c>
      <c r="M48" t="s">
        <v>29</v>
      </c>
      <c r="N48" s="18">
        <v>0</v>
      </c>
      <c r="O48" s="20">
        <v>0.8</v>
      </c>
      <c r="P48" s="20">
        <v>0.2</v>
      </c>
      <c r="Q48" s="14">
        <v>0</v>
      </c>
      <c r="R48" s="14">
        <v>0</v>
      </c>
      <c r="S48" s="14"/>
    </row>
    <row r="49" spans="1:19" x14ac:dyDescent="0.35">
      <c r="A49" s="15">
        <v>47</v>
      </c>
      <c r="B49">
        <v>0</v>
      </c>
      <c r="C49">
        <v>0</v>
      </c>
      <c r="D49" s="18"/>
      <c r="E49">
        <v>4</v>
      </c>
      <c r="F49" t="s">
        <v>86</v>
      </c>
      <c r="G49" s="8">
        <v>44958</v>
      </c>
      <c r="H49" s="8">
        <v>45412</v>
      </c>
      <c r="I49" t="s">
        <v>175</v>
      </c>
      <c r="J49" t="s">
        <v>176</v>
      </c>
      <c r="K49" t="s">
        <v>177</v>
      </c>
      <c r="L49">
        <v>12014</v>
      </c>
      <c r="M49" t="s">
        <v>29</v>
      </c>
      <c r="N49" s="18">
        <v>0</v>
      </c>
      <c r="O49" s="20">
        <v>0.8</v>
      </c>
      <c r="P49" s="20">
        <v>0.2</v>
      </c>
      <c r="Q49" s="14">
        <v>0</v>
      </c>
      <c r="R49" s="14">
        <v>0</v>
      </c>
      <c r="S49" s="14"/>
    </row>
    <row r="50" spans="1:19" x14ac:dyDescent="0.35">
      <c r="A50" s="15">
        <v>48</v>
      </c>
      <c r="B50">
        <v>0</v>
      </c>
      <c r="C50">
        <v>0</v>
      </c>
      <c r="D50" s="18"/>
      <c r="E50">
        <v>4</v>
      </c>
      <c r="F50" t="s">
        <v>86</v>
      </c>
      <c r="G50" s="8">
        <v>44958</v>
      </c>
      <c r="H50" s="8">
        <v>45412</v>
      </c>
      <c r="I50" t="s">
        <v>178</v>
      </c>
      <c r="J50" t="s">
        <v>179</v>
      </c>
      <c r="K50" t="s">
        <v>180</v>
      </c>
      <c r="L50">
        <v>12034</v>
      </c>
      <c r="M50" t="s">
        <v>29</v>
      </c>
      <c r="N50" s="18">
        <v>0</v>
      </c>
      <c r="O50" s="20">
        <v>0.79999999999999993</v>
      </c>
      <c r="P50" s="20">
        <v>0.20000000000000004</v>
      </c>
      <c r="Q50" s="14">
        <v>0</v>
      </c>
      <c r="R50" s="14">
        <v>0</v>
      </c>
      <c r="S50" s="14"/>
    </row>
    <row r="51" spans="1:19" x14ac:dyDescent="0.35">
      <c r="A51" s="15">
        <v>49</v>
      </c>
      <c r="B51">
        <v>0</v>
      </c>
      <c r="C51">
        <v>0</v>
      </c>
      <c r="D51" s="18"/>
      <c r="E51">
        <v>4</v>
      </c>
      <c r="F51" t="s">
        <v>86</v>
      </c>
      <c r="G51" s="8">
        <v>44958</v>
      </c>
      <c r="H51" s="8">
        <v>45412</v>
      </c>
      <c r="I51" t="s">
        <v>181</v>
      </c>
      <c r="J51" t="s">
        <v>182</v>
      </c>
      <c r="K51" t="s">
        <v>183</v>
      </c>
      <c r="L51">
        <v>12032</v>
      </c>
      <c r="M51" t="s">
        <v>29</v>
      </c>
      <c r="N51" s="18">
        <v>0</v>
      </c>
      <c r="O51" s="20">
        <v>0.8</v>
      </c>
      <c r="P51" s="20">
        <v>0.2</v>
      </c>
      <c r="Q51" s="14">
        <v>0</v>
      </c>
      <c r="R51" s="14">
        <v>0</v>
      </c>
      <c r="S51" s="14"/>
    </row>
    <row r="52" spans="1:19" x14ac:dyDescent="0.35">
      <c r="A52" s="16">
        <v>50</v>
      </c>
      <c r="B52" s="9">
        <v>0</v>
      </c>
      <c r="C52" s="9">
        <v>0</v>
      </c>
      <c r="D52" s="19"/>
      <c r="E52" s="9">
        <v>4</v>
      </c>
      <c r="F52" s="9" t="s">
        <v>86</v>
      </c>
      <c r="G52" s="10">
        <v>44958</v>
      </c>
      <c r="H52" s="10">
        <v>45412</v>
      </c>
      <c r="I52" s="9" t="s">
        <v>184</v>
      </c>
      <c r="J52" s="9" t="s">
        <v>185</v>
      </c>
      <c r="K52" s="9" t="s">
        <v>186</v>
      </c>
      <c r="L52" s="9">
        <v>5350</v>
      </c>
      <c r="M52" s="9" t="s">
        <v>23</v>
      </c>
      <c r="N52" s="19">
        <v>0</v>
      </c>
      <c r="O52" s="21">
        <v>0.8</v>
      </c>
      <c r="P52" s="21">
        <v>0.2</v>
      </c>
      <c r="Q52" s="22">
        <v>0</v>
      </c>
      <c r="R52" s="22">
        <v>0</v>
      </c>
      <c r="S52" s="22"/>
    </row>
    <row r="53" spans="1:19" x14ac:dyDescent="0.35">
      <c r="G53" s="8"/>
      <c r="H53" s="8"/>
    </row>
    <row r="54" spans="1:19" x14ac:dyDescent="0.35">
      <c r="G54" s="8"/>
      <c r="H54" s="8"/>
    </row>
    <row r="55" spans="1:19" x14ac:dyDescent="0.35">
      <c r="G55" s="8"/>
      <c r="H55" s="8"/>
    </row>
    <row r="56" spans="1:19" x14ac:dyDescent="0.35">
      <c r="G56" s="8"/>
      <c r="H56" s="8"/>
    </row>
    <row r="57" spans="1:19" x14ac:dyDescent="0.35">
      <c r="G57" s="8"/>
      <c r="H57" s="8"/>
    </row>
    <row r="58" spans="1:19" x14ac:dyDescent="0.35">
      <c r="G58" s="8"/>
      <c r="H58" s="8"/>
    </row>
    <row r="59" spans="1:19" x14ac:dyDescent="0.35">
      <c r="G59" s="8"/>
      <c r="H59" s="8"/>
    </row>
    <row r="60" spans="1:19" x14ac:dyDescent="0.35">
      <c r="G60" s="8"/>
      <c r="H60" s="8"/>
    </row>
    <row r="61" spans="1:19" x14ac:dyDescent="0.35">
      <c r="G61" s="8"/>
      <c r="H61" s="8"/>
    </row>
    <row r="62" spans="1:19" x14ac:dyDescent="0.35">
      <c r="G62" s="8"/>
      <c r="H62" s="8"/>
    </row>
    <row r="63" spans="1:19" x14ac:dyDescent="0.35">
      <c r="G63" s="8"/>
      <c r="H63" s="8"/>
    </row>
    <row r="64" spans="1:19" x14ac:dyDescent="0.35">
      <c r="G64" s="8"/>
      <c r="H64" s="8"/>
    </row>
    <row r="65" spans="7:8" x14ac:dyDescent="0.35">
      <c r="G65" s="8"/>
      <c r="H65" s="8"/>
    </row>
    <row r="66" spans="7:8" x14ac:dyDescent="0.35">
      <c r="G66" s="8"/>
      <c r="H66" s="8"/>
    </row>
    <row r="67" spans="7:8" x14ac:dyDescent="0.35">
      <c r="G67" s="8"/>
      <c r="H67" s="8"/>
    </row>
    <row r="68" spans="7:8" x14ac:dyDescent="0.35">
      <c r="G68" s="8"/>
      <c r="H68" s="8"/>
    </row>
    <row r="69" spans="7:8" x14ac:dyDescent="0.35">
      <c r="G69" s="8"/>
      <c r="H69" s="8"/>
    </row>
    <row r="70" spans="7:8" x14ac:dyDescent="0.35">
      <c r="G70" s="8"/>
      <c r="H70" s="8"/>
    </row>
    <row r="71" spans="7:8" x14ac:dyDescent="0.35">
      <c r="G71" s="8"/>
      <c r="H71" s="8"/>
    </row>
    <row r="72" spans="7:8" x14ac:dyDescent="0.35">
      <c r="G72" s="8"/>
      <c r="H72" s="8"/>
    </row>
    <row r="73" spans="7:8" x14ac:dyDescent="0.35">
      <c r="G73" s="8"/>
      <c r="H73" s="8"/>
    </row>
    <row r="74" spans="7:8" x14ac:dyDescent="0.35">
      <c r="G74" s="8"/>
      <c r="H74" s="8"/>
    </row>
    <row r="75" spans="7:8" x14ac:dyDescent="0.35">
      <c r="G75" s="8"/>
      <c r="H75" s="8"/>
    </row>
    <row r="76" spans="7:8" x14ac:dyDescent="0.35">
      <c r="G76" s="8"/>
      <c r="H76" s="8"/>
    </row>
    <row r="77" spans="7:8" x14ac:dyDescent="0.35">
      <c r="G77" s="8"/>
      <c r="H77" s="8"/>
    </row>
    <row r="78" spans="7:8" x14ac:dyDescent="0.35">
      <c r="G78" s="8"/>
      <c r="H78" s="8"/>
    </row>
    <row r="79" spans="7:8" x14ac:dyDescent="0.35">
      <c r="G79" s="8"/>
      <c r="H79" s="8"/>
    </row>
    <row r="80" spans="7:8" x14ac:dyDescent="0.35">
      <c r="G80" s="8"/>
      <c r="H80" s="8"/>
    </row>
    <row r="81" spans="7:8" x14ac:dyDescent="0.35">
      <c r="G81" s="8"/>
      <c r="H81" s="8"/>
    </row>
    <row r="82" spans="7:8" x14ac:dyDescent="0.35">
      <c r="G82" s="8"/>
      <c r="H82" s="8"/>
    </row>
    <row r="83" spans="7:8" x14ac:dyDescent="0.35">
      <c r="G83" s="8"/>
      <c r="H83" s="8"/>
    </row>
    <row r="84" spans="7:8" x14ac:dyDescent="0.35">
      <c r="G84" s="8"/>
      <c r="H84" s="8"/>
    </row>
    <row r="85" spans="7:8" x14ac:dyDescent="0.35">
      <c r="G85" s="8"/>
      <c r="H85" s="8"/>
    </row>
    <row r="86" spans="7:8" x14ac:dyDescent="0.35">
      <c r="G86" s="8"/>
      <c r="H86" s="8"/>
    </row>
    <row r="87" spans="7:8" x14ac:dyDescent="0.35">
      <c r="G87" s="8"/>
      <c r="H87" s="8"/>
    </row>
    <row r="88" spans="7:8" x14ac:dyDescent="0.35">
      <c r="G88" s="8"/>
      <c r="H88" s="8"/>
    </row>
    <row r="89" spans="7:8" x14ac:dyDescent="0.35">
      <c r="G89" s="8"/>
      <c r="H89" s="8"/>
    </row>
    <row r="90" spans="7:8" x14ac:dyDescent="0.35">
      <c r="G90" s="8"/>
      <c r="H90" s="8"/>
    </row>
    <row r="91" spans="7:8" x14ac:dyDescent="0.35">
      <c r="G91" s="8"/>
      <c r="H91" s="8"/>
    </row>
    <row r="92" spans="7:8" x14ac:dyDescent="0.35">
      <c r="G92" s="8"/>
      <c r="H92" s="8"/>
    </row>
    <row r="93" spans="7:8" x14ac:dyDescent="0.35">
      <c r="G93" s="8"/>
      <c r="H93" s="8"/>
    </row>
    <row r="94" spans="7:8" x14ac:dyDescent="0.35">
      <c r="G94" s="8"/>
      <c r="H94" s="8"/>
    </row>
    <row r="95" spans="7:8" x14ac:dyDescent="0.35">
      <c r="G95" s="8"/>
      <c r="H95" s="8"/>
    </row>
    <row r="96" spans="7:8" x14ac:dyDescent="0.35">
      <c r="G96" s="8"/>
      <c r="H96" s="8"/>
    </row>
    <row r="97" spans="7:8" x14ac:dyDescent="0.35">
      <c r="G97" s="8"/>
      <c r="H97" s="8"/>
    </row>
    <row r="98" spans="7:8" x14ac:dyDescent="0.35">
      <c r="G98" s="8"/>
      <c r="H98" s="8"/>
    </row>
    <row r="99" spans="7:8" x14ac:dyDescent="0.35">
      <c r="G99" s="8"/>
      <c r="H99" s="8"/>
    </row>
    <row r="100" spans="7:8" x14ac:dyDescent="0.35">
      <c r="G100" s="8"/>
      <c r="H100" s="8"/>
    </row>
    <row r="101" spans="7:8" x14ac:dyDescent="0.35">
      <c r="G101" s="8"/>
      <c r="H101" s="8"/>
    </row>
    <row r="102" spans="7:8" x14ac:dyDescent="0.35">
      <c r="G102" s="8"/>
      <c r="H102" s="8"/>
    </row>
    <row r="103" spans="7:8" x14ac:dyDescent="0.35">
      <c r="G103" s="8"/>
      <c r="H103" s="8"/>
    </row>
    <row r="104" spans="7:8" x14ac:dyDescent="0.35">
      <c r="G104" s="8"/>
      <c r="H104" s="8"/>
    </row>
    <row r="105" spans="7:8" x14ac:dyDescent="0.35">
      <c r="G105" s="8"/>
      <c r="H105" s="8"/>
    </row>
    <row r="106" spans="7:8" x14ac:dyDescent="0.35">
      <c r="G106" s="8"/>
      <c r="H106" s="8"/>
    </row>
    <row r="107" spans="7:8" x14ac:dyDescent="0.35">
      <c r="G107" s="8"/>
      <c r="H107" s="8"/>
    </row>
    <row r="108" spans="7:8" x14ac:dyDescent="0.35">
      <c r="G108" s="8"/>
      <c r="H108" s="8"/>
    </row>
    <row r="109" spans="7:8" x14ac:dyDescent="0.35">
      <c r="G109" s="8"/>
      <c r="H109" s="8"/>
    </row>
    <row r="110" spans="7:8" x14ac:dyDescent="0.35">
      <c r="G110" s="8"/>
      <c r="H110" s="8"/>
    </row>
    <row r="111" spans="7:8" x14ac:dyDescent="0.35">
      <c r="G111" s="8"/>
      <c r="H111" s="8"/>
    </row>
  </sheetData>
  <autoFilter ref="A2:AC2" xr:uid="{7493A24A-BF8A-4645-983F-D2433FF2C5CA}"/>
  <mergeCells count="89">
    <mergeCell ref="A3:A5"/>
    <mergeCell ref="D3:D5"/>
    <mergeCell ref="N3:N5"/>
    <mergeCell ref="O3:O5"/>
    <mergeCell ref="P3:P5"/>
    <mergeCell ref="Q3:Q5"/>
    <mergeCell ref="R3:R5"/>
    <mergeCell ref="S3:S5"/>
    <mergeCell ref="A1:S1"/>
    <mergeCell ref="R6:R12"/>
    <mergeCell ref="S6:S12"/>
    <mergeCell ref="A13:A14"/>
    <mergeCell ref="D13:D14"/>
    <mergeCell ref="N13:N14"/>
    <mergeCell ref="O13:O14"/>
    <mergeCell ref="P13:P14"/>
    <mergeCell ref="Q13:Q14"/>
    <mergeCell ref="R13:R14"/>
    <mergeCell ref="S13:S14"/>
    <mergeCell ref="A6:A12"/>
    <mergeCell ref="D6:D12"/>
    <mergeCell ref="N6:N12"/>
    <mergeCell ref="O6:O12"/>
    <mergeCell ref="P6:P12"/>
    <mergeCell ref="Q6:Q12"/>
    <mergeCell ref="R15:R19"/>
    <mergeCell ref="S15:S19"/>
    <mergeCell ref="A20:A22"/>
    <mergeCell ref="D20:D22"/>
    <mergeCell ref="N20:N22"/>
    <mergeCell ref="O20:O22"/>
    <mergeCell ref="P20:P22"/>
    <mergeCell ref="Q20:Q22"/>
    <mergeCell ref="R20:R22"/>
    <mergeCell ref="S20:S22"/>
    <mergeCell ref="A15:A19"/>
    <mergeCell ref="D15:D19"/>
    <mergeCell ref="N15:N19"/>
    <mergeCell ref="O15:O19"/>
    <mergeCell ref="P15:P19"/>
    <mergeCell ref="Q15:Q19"/>
    <mergeCell ref="R23:R29"/>
    <mergeCell ref="S23:S29"/>
    <mergeCell ref="A30:A33"/>
    <mergeCell ref="D30:D33"/>
    <mergeCell ref="N30:N33"/>
    <mergeCell ref="O30:O33"/>
    <mergeCell ref="P30:P33"/>
    <mergeCell ref="Q30:Q33"/>
    <mergeCell ref="R30:R33"/>
    <mergeCell ref="S30:S33"/>
    <mergeCell ref="A23:A29"/>
    <mergeCell ref="D23:D29"/>
    <mergeCell ref="N23:N29"/>
    <mergeCell ref="O23:O29"/>
    <mergeCell ref="P23:P29"/>
    <mergeCell ref="Q23:Q29"/>
    <mergeCell ref="R34:R36"/>
    <mergeCell ref="S34:S36"/>
    <mergeCell ref="A37:A40"/>
    <mergeCell ref="D37:D40"/>
    <mergeCell ref="N37:N40"/>
    <mergeCell ref="O37:O40"/>
    <mergeCell ref="P37:P40"/>
    <mergeCell ref="Q37:Q40"/>
    <mergeCell ref="R37:R40"/>
    <mergeCell ref="S37:S40"/>
    <mergeCell ref="A34:A36"/>
    <mergeCell ref="D34:D36"/>
    <mergeCell ref="N34:N36"/>
    <mergeCell ref="O34:O36"/>
    <mergeCell ref="P34:P36"/>
    <mergeCell ref="Q34:Q36"/>
    <mergeCell ref="R41:R42"/>
    <mergeCell ref="S41:S42"/>
    <mergeCell ref="A43:A52"/>
    <mergeCell ref="D43:D52"/>
    <mergeCell ref="N43:N52"/>
    <mergeCell ref="O43:O52"/>
    <mergeCell ref="P43:P52"/>
    <mergeCell ref="Q43:Q52"/>
    <mergeCell ref="R43:R52"/>
    <mergeCell ref="S43:S52"/>
    <mergeCell ref="A41:A42"/>
    <mergeCell ref="D41:D42"/>
    <mergeCell ref="N41:N42"/>
    <mergeCell ref="O41:O42"/>
    <mergeCell ref="P41:P42"/>
    <mergeCell ref="Q41:Q42"/>
  </mergeCells>
  <pageMargins left="0.7" right="0.7" top="0.75" bottom="0.75" header="0.3" footer="0.3"/>
  <pageSetup paperSize="9" orientation="portrait" verticalDpi="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Feuilles de calcul</vt:lpstr>
      </vt:variant>
      <vt:variant>
        <vt:i4>1</vt:i4>
      </vt:variant>
    </vt:vector>
  </HeadingPairs>
  <TitlesOfParts>
    <vt:vector size="1" baseType="lpstr">
      <vt:lpstr>Liste des opérationsALCOTRA2127</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USCO Roberta</dc:creator>
  <cp:lastModifiedBy>VALENTINI Maria Rosaria</cp:lastModifiedBy>
  <dcterms:created xsi:type="dcterms:W3CDTF">2023-05-24T14:02:23Z</dcterms:created>
  <dcterms:modified xsi:type="dcterms:W3CDTF">2023-05-25T14:52:19Z</dcterms:modified>
</cp:coreProperties>
</file>